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5225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F:\01_files\03_Siemens\06_Manual\s120\01-报文表格统计\"/>
    </mc:Choice>
  </mc:AlternateContent>
  <xr:revisionPtr revIDLastSave="0" documentId="13_ncr:1_{4BF89063-DF0F-4EA0-AA80-544A250691D8}" xr6:coauthVersionLast="47" xr6:coauthVersionMax="47" xr10:uidLastSave="{00000000-0000-0000-0000-000000000000}"/>
  <bookViews>
    <workbookView xWindow="-108" yWindow="-108" windowWidth="23256" windowHeight="12576" tabRatio="718" xr2:uid="{00000000-000D-0000-FFFF-FFFF00000000}"/>
  </bookViews>
  <sheets>
    <sheet name="AXIS_111" sheetId="3" r:id="rId1"/>
    <sheet name="CU_390" sheetId="4" r:id="rId2"/>
    <sheet name="SLM_370" sheetId="5" r:id="rId3"/>
  </sheets>
  <calcPr calcId="124519"/>
</workbook>
</file>

<file path=xl/sharedStrings.xml><?xml version="1.0" encoding="utf-8"?>
<sst xmlns="http://schemas.openxmlformats.org/spreadsheetml/2006/main" count="839" uniqueCount="679">
  <si>
    <t>PZD10</t>
  </si>
  <si>
    <t>PZD11</t>
  </si>
  <si>
    <t>PZD12</t>
  </si>
  <si>
    <t>NIST_B</t>
    <phoneticPr fontId="1" type="noConversion"/>
  </si>
  <si>
    <t>选择程序步 bit2</t>
  </si>
  <si>
    <t>选择程序步 bit3</t>
  </si>
  <si>
    <t>选择程序步 bit4</t>
  </si>
  <si>
    <t>选择程序步 bit5</t>
  </si>
  <si>
    <t>FAULT_CODE</t>
    <phoneticPr fontId="1" type="noConversion"/>
  </si>
  <si>
    <t>FREE_CONNECTED</t>
    <phoneticPr fontId="1" type="noConversion"/>
  </si>
  <si>
    <t>1 = Alarm present</t>
  </si>
  <si>
    <t>Reserved</t>
  </si>
  <si>
    <t>[370] SIEMENS telegram 370, PZD-1/1</t>
    <phoneticPr fontId="1" type="noConversion"/>
  </si>
  <si>
    <t>Transmit（驱动器→PLC）</t>
    <phoneticPr fontId="1" type="noConversion"/>
  </si>
  <si>
    <t>SCOUT变量名称</t>
    <phoneticPr fontId="6" type="noConversion"/>
  </si>
  <si>
    <t>SCOUT变量注释</t>
    <phoneticPr fontId="6" type="noConversion"/>
  </si>
  <si>
    <t>PZD1</t>
    <phoneticPr fontId="6" type="noConversion"/>
  </si>
  <si>
    <t>E_ZSW1</t>
    <phoneticPr fontId="6" type="noConversion"/>
  </si>
  <si>
    <t>E_ZSW_BIT0</t>
    <phoneticPr fontId="6" type="noConversion"/>
  </si>
  <si>
    <r>
      <t>Ready for switch on</t>
    </r>
    <r>
      <rPr>
        <sz val="9"/>
        <color rgb="FFFF0000"/>
        <rFont val="Calibri"/>
        <family val="3"/>
        <charset val="134"/>
        <scheme val="minor"/>
      </rPr>
      <t>(1=Yes / 0=No):r2089.0</t>
    </r>
    <phoneticPr fontId="6" type="noConversion"/>
  </si>
  <si>
    <t>1 = Ready for switching on</t>
    <phoneticPr fontId="6" type="noConversion"/>
  </si>
  <si>
    <t>E_ZSW_BIT1</t>
  </si>
  <si>
    <r>
      <t>Ready for operation</t>
    </r>
    <r>
      <rPr>
        <sz val="9"/>
        <color rgb="FFFF0000"/>
        <rFont val="Calibri"/>
        <family val="3"/>
        <charset val="134"/>
        <scheme val="minor"/>
      </rPr>
      <t>(1=Yes / 0=No)</t>
    </r>
    <phoneticPr fontId="6" type="noConversion"/>
  </si>
  <si>
    <t>1 = Ready for operation</t>
  </si>
  <si>
    <t>E_ZSW_BIT2</t>
  </si>
  <si>
    <r>
      <t>Operation enabled</t>
    </r>
    <r>
      <rPr>
        <sz val="9"/>
        <color rgb="FFFF0000"/>
        <rFont val="Calibri"/>
        <family val="3"/>
        <charset val="134"/>
        <scheme val="minor"/>
      </rPr>
      <t>(1=Yes / 0=No)</t>
    </r>
    <phoneticPr fontId="6" type="noConversion"/>
  </si>
  <si>
    <t>1 = Operation enabled</t>
  </si>
  <si>
    <t>E_ZSW_BIT3</t>
  </si>
  <si>
    <r>
      <t>Fault present</t>
    </r>
    <r>
      <rPr>
        <sz val="9"/>
        <color rgb="FFFF0000"/>
        <rFont val="Calibri"/>
        <family val="3"/>
        <charset val="134"/>
        <scheme val="minor"/>
      </rPr>
      <t>(1=Yes / 0=No)</t>
    </r>
    <phoneticPr fontId="6" type="noConversion"/>
  </si>
  <si>
    <t>1 = Fault present</t>
  </si>
  <si>
    <t>E_ZSW_BIT4</t>
  </si>
  <si>
    <r>
      <t>No OFF2 effective</t>
    </r>
    <r>
      <rPr>
        <sz val="9"/>
        <color rgb="FFFF0000"/>
        <rFont val="Calibri"/>
        <family val="3"/>
        <charset val="134"/>
        <scheme val="minor"/>
      </rPr>
      <t>(1=OFF2 inactive / 0=OFF2 active)</t>
    </r>
    <phoneticPr fontId="6" type="noConversion"/>
  </si>
  <si>
    <t>1 = No OFF2 effective</t>
  </si>
  <si>
    <t>E_ZSW_BIT5</t>
  </si>
  <si>
    <t>E_ZSW_BIT6</t>
  </si>
  <si>
    <r>
      <t>Switch on inhibite</t>
    </r>
    <r>
      <rPr>
        <sz val="9"/>
        <color rgb="FFFF0000"/>
        <rFont val="Calibri"/>
        <family val="3"/>
        <charset val="134"/>
        <scheme val="minor"/>
      </rPr>
      <t>(1=Yes / 0=No)</t>
    </r>
    <phoneticPr fontId="6" type="noConversion"/>
  </si>
  <si>
    <t>1 = Switching on inhibite</t>
    <phoneticPr fontId="6" type="noConversion"/>
  </si>
  <si>
    <t>E_ZSW_BIT7</t>
  </si>
  <si>
    <r>
      <t>Alarm present</t>
    </r>
    <r>
      <rPr>
        <sz val="9"/>
        <color rgb="FFFF0000"/>
        <rFont val="Calibri"/>
        <family val="3"/>
        <charset val="134"/>
        <scheme val="minor"/>
      </rPr>
      <t>(1=Yes / 0=No)</t>
    </r>
    <phoneticPr fontId="6" type="noConversion"/>
  </si>
  <si>
    <t>E_ZSW_BIT8</t>
  </si>
  <si>
    <t>E_ZSW_BIT9</t>
  </si>
  <si>
    <r>
      <t>control requests</t>
    </r>
    <r>
      <rPr>
        <sz val="9"/>
        <color rgb="FFFF0000"/>
        <rFont val="Calibri"/>
        <family val="3"/>
        <charset val="134"/>
        <scheme val="minor"/>
      </rPr>
      <t>(1=Yes / 0=No)</t>
    </r>
    <phoneticPr fontId="6" type="noConversion"/>
  </si>
  <si>
    <t>1 = PLC requests control</t>
  </si>
  <si>
    <t>E_ZSW_BIT10</t>
  </si>
  <si>
    <t>E_ZSW_BIT11</t>
  </si>
  <si>
    <r>
      <t>Pre-charging complete</t>
    </r>
    <r>
      <rPr>
        <sz val="9"/>
        <color rgb="FFFF0000"/>
        <rFont val="Calibri"/>
        <family val="3"/>
        <charset val="134"/>
        <scheme val="minor"/>
      </rPr>
      <t>(1=Yes / 0=No)</t>
    </r>
    <phoneticPr fontId="6" type="noConversion"/>
  </si>
  <si>
    <t>1 = Pre-charging complete</t>
  </si>
  <si>
    <t>E_ZSW_BIT12</t>
  </si>
  <si>
    <r>
      <t>Line contactor closed</t>
    </r>
    <r>
      <rPr>
        <sz val="9"/>
        <color rgb="FFFF0000"/>
        <rFont val="Calibri"/>
        <family val="3"/>
        <charset val="134"/>
        <scheme val="minor"/>
      </rPr>
      <t>(1=Yes / 0=No)</t>
    </r>
    <phoneticPr fontId="6" type="noConversion"/>
  </si>
  <si>
    <t>1 = Line contactor closed</t>
  </si>
  <si>
    <t>E_ZSW_BIT13</t>
  </si>
  <si>
    <t>E_ZSW_BIT14</t>
  </si>
  <si>
    <t>E_ZSW_BIT15</t>
  </si>
  <si>
    <t>[370] SIEMENS telegram 370, PZD-1/1</t>
    <phoneticPr fontId="1" type="noConversion"/>
  </si>
  <si>
    <r>
      <t>Receive（PLC</t>
    </r>
    <r>
      <rPr>
        <b/>
        <sz val="11"/>
        <color rgb="FFFF0000"/>
        <rFont val="宋体"/>
        <family val="3"/>
        <charset val="134"/>
      </rPr>
      <t>→</t>
    </r>
    <r>
      <rPr>
        <b/>
        <sz val="11"/>
        <color rgb="FFFF0000"/>
        <rFont val="Calibri"/>
        <family val="3"/>
        <charset val="134"/>
        <scheme val="minor"/>
      </rPr>
      <t>驱动器）</t>
    </r>
    <phoneticPr fontId="1" type="noConversion"/>
  </si>
  <si>
    <t>SCOUT变量名称</t>
    <phoneticPr fontId="6" type="noConversion"/>
  </si>
  <si>
    <t>SCOUT变量注释</t>
    <phoneticPr fontId="6" type="noConversion"/>
  </si>
  <si>
    <t>PZD1</t>
    <phoneticPr fontId="6" type="noConversion"/>
  </si>
  <si>
    <t>E_STW1</t>
    <phoneticPr fontId="6" type="noConversion"/>
  </si>
  <si>
    <t>E_STW_BIT0</t>
    <phoneticPr fontId="6" type="noConversion"/>
  </si>
  <si>
    <r>
      <t>ON/OFF(OFF1)</t>
    </r>
    <r>
      <rPr>
        <sz val="9"/>
        <color rgb="FFFF0000"/>
        <rFont val="Calibri"/>
        <family val="3"/>
        <charset val="134"/>
        <scheme val="minor"/>
      </rPr>
      <t>(1=On / 0=Off):p0840[0]=r2090.0</t>
    </r>
    <phoneticPr fontId="6" type="noConversion"/>
  </si>
  <si>
    <t>0Edge1= ON (close pre-charging/line contactor, pulses can be enabled)</t>
  </si>
  <si>
    <t>E_STW_BIT1</t>
  </si>
  <si>
    <r>
      <t>No coast-down/coast-down(OFF2)signal source 1</t>
    </r>
    <r>
      <rPr>
        <sz val="9"/>
        <color rgb="FFFF0000"/>
        <rFont val="Calibri"/>
        <family val="3"/>
        <charset val="134"/>
        <scheme val="minor"/>
      </rPr>
      <t>(1=On / 0=Off):p0844[0]=r2090.1</t>
    </r>
    <phoneticPr fontId="6" type="noConversion"/>
  </si>
  <si>
    <t>1= No OFF2 (enable is possible);0 = OFF2 (immediate pulse suppression and switching on inhibited)</t>
  </si>
  <si>
    <t>E_STW_BIT2</t>
  </si>
  <si>
    <t>E_STW_BIT3</t>
  </si>
  <si>
    <r>
      <t>Enable operation/Inhibit operation</t>
    </r>
    <r>
      <rPr>
        <sz val="9"/>
        <color rgb="FFFF0000"/>
        <rFont val="Calibri"/>
        <family val="3"/>
        <charset val="134"/>
        <scheme val="minor"/>
      </rPr>
      <t>(1=On / 0=Off):p0852[0]=r2090.3</t>
    </r>
    <phoneticPr fontId="6" type="noConversion"/>
  </si>
  <si>
    <t>1 = Enable operation (pulses can be enabled);0 = Inhibit operation (suppress pulses)</t>
  </si>
  <si>
    <t>E_STW_BIT4</t>
  </si>
  <si>
    <t>E_STW_BIT5</t>
  </si>
  <si>
    <t>1 = Infeed, inhibit motoring operation</t>
  </si>
  <si>
    <t>E_STW_BIT6</t>
  </si>
  <si>
    <r>
      <t>Infeed inhibit Generator Mode</t>
    </r>
    <r>
      <rPr>
        <sz val="9"/>
        <color rgb="FFFF0000"/>
        <rFont val="Calibri"/>
        <family val="3"/>
        <charset val="134"/>
        <scheme val="minor"/>
      </rPr>
      <t>(1=On / 0=Off):p3533</t>
    </r>
    <phoneticPr fontId="6" type="noConversion"/>
  </si>
  <si>
    <t>1 = Infeed, inhibit regenerative operation</t>
  </si>
  <si>
    <t>E_STW_BIT7</t>
  </si>
  <si>
    <r>
      <t>1.Acknowledge fault</t>
    </r>
    <r>
      <rPr>
        <sz val="9"/>
        <color rgb="FFFF0000"/>
        <rFont val="Calibri"/>
        <family val="3"/>
        <charset val="134"/>
        <scheme val="minor"/>
      </rPr>
      <t>(1=On / 0=Off):p2103[0]</t>
    </r>
    <phoneticPr fontId="6" type="noConversion"/>
  </si>
  <si>
    <t>0 Edge 1 = Acknowledge faults</t>
  </si>
  <si>
    <t>E_STW_BIT8</t>
  </si>
  <si>
    <t>E_STW_BIT9</t>
  </si>
  <si>
    <t>E_STW_BIT10</t>
  </si>
  <si>
    <r>
      <t>Control by PLC/no control by PLC</t>
    </r>
    <r>
      <rPr>
        <sz val="9"/>
        <color rgb="FFFF0000"/>
        <rFont val="Calibri"/>
        <family val="3"/>
        <charset val="134"/>
        <scheme val="minor"/>
      </rPr>
      <t>(1=On / 0=Off):p0854[0]=r2090.10</t>
    </r>
    <phoneticPr fontId="6" type="noConversion"/>
  </si>
  <si>
    <t>1 = Control via PLC</t>
  </si>
  <si>
    <t>E_STW_BIT11</t>
  </si>
  <si>
    <t>E_STW_BIT12</t>
  </si>
  <si>
    <t>E_STW_BIT13</t>
  </si>
  <si>
    <t>E_STW_BIT14</t>
  </si>
  <si>
    <t>E_STW_BIT15</t>
  </si>
  <si>
    <t>[390] SIEMENS telegram 390, PZD-2/2</t>
    <phoneticPr fontId="1" type="noConversion"/>
  </si>
  <si>
    <t>Transmit（驱动器→PLC）</t>
    <phoneticPr fontId="1" type="noConversion"/>
  </si>
  <si>
    <t>SCOUT变量名称</t>
    <phoneticPr fontId="6" type="noConversion"/>
  </si>
  <si>
    <t>SCOUT变量注释</t>
    <phoneticPr fontId="6" type="noConversion"/>
  </si>
  <si>
    <t>PZD1</t>
    <phoneticPr fontId="6" type="noConversion"/>
  </si>
  <si>
    <t>CU_ZSW1</t>
    <phoneticPr fontId="1" type="noConversion"/>
  </si>
  <si>
    <t>CU_ZSW1_Bit0</t>
  </si>
  <si>
    <t>备用</t>
    <phoneticPr fontId="6" type="noConversion"/>
  </si>
  <si>
    <t>Reserved</t>
    <phoneticPr fontId="6" type="noConversion"/>
  </si>
  <si>
    <t>CU_ZSW1_Bit1</t>
  </si>
  <si>
    <t>CU_ZSW1_Bit2</t>
  </si>
  <si>
    <t>CU_ZSW1_Bit3</t>
  </si>
  <si>
    <t>故障存在</t>
    <phoneticPr fontId="6" type="noConversion"/>
  </si>
  <si>
    <r>
      <t>Fault present</t>
    </r>
    <r>
      <rPr>
        <sz val="9"/>
        <color rgb="FFFF0000"/>
        <rFont val="Calibri"/>
        <family val="3"/>
        <charset val="134"/>
        <scheme val="minor"/>
      </rPr>
      <t>(1=Yes / 0=No)</t>
    </r>
    <phoneticPr fontId="6" type="noConversion"/>
  </si>
  <si>
    <t>CU_ZSW1_Bit4</t>
  </si>
  <si>
    <t>CU_ZSW1_Bit5</t>
  </si>
  <si>
    <t>CU_ZSW1_Bit6</t>
  </si>
  <si>
    <t>CU_ZSW1_Bit7</t>
  </si>
  <si>
    <t>报警存在</t>
    <phoneticPr fontId="6" type="noConversion"/>
  </si>
  <si>
    <r>
      <t>Alarm present</t>
    </r>
    <r>
      <rPr>
        <sz val="9"/>
        <color rgb="FFFF0000"/>
        <rFont val="Calibri"/>
        <family val="3"/>
        <charset val="134"/>
        <scheme val="minor"/>
      </rPr>
      <t>(1=Yes / 0=No)</t>
    </r>
    <phoneticPr fontId="6" type="noConversion"/>
  </si>
  <si>
    <t>CU_ZSW1_Bit8</t>
  </si>
  <si>
    <t>系统时间同步</t>
    <phoneticPr fontId="6" type="noConversion"/>
  </si>
  <si>
    <r>
      <t>System time synchronized</t>
    </r>
    <r>
      <rPr>
        <sz val="9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t>CU_ZSW1_Bit9</t>
  </si>
  <si>
    <t>组报警存在</t>
    <phoneticPr fontId="6" type="noConversion"/>
  </si>
  <si>
    <r>
      <t>Group alarm present</t>
    </r>
    <r>
      <rPr>
        <sz val="9"/>
        <color rgb="FFFF0000"/>
        <rFont val="Calibri"/>
        <family val="3"/>
        <charset val="134"/>
        <scheme val="minor"/>
      </rPr>
      <t>(1=No / 0=Yes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t>CU_ZSW1_Bit10</t>
  </si>
  <si>
    <t>组故障存在</t>
    <phoneticPr fontId="6" type="noConversion"/>
  </si>
  <si>
    <r>
      <t>Group fault present</t>
    </r>
    <r>
      <rPr>
        <sz val="9"/>
        <color rgb="FFFF0000"/>
        <rFont val="Calibri"/>
        <family val="3"/>
        <charset val="134"/>
        <scheme val="minor"/>
      </rPr>
      <t>(1=No / 0=Yes)</t>
    </r>
    <phoneticPr fontId="6" type="noConversion"/>
  </si>
  <si>
    <t>CU_ZSW1_Bit11</t>
  </si>
  <si>
    <t>存在安全组消息</t>
    <phoneticPr fontId="6" type="noConversion"/>
  </si>
  <si>
    <r>
      <t>safety group message present</t>
    </r>
    <r>
      <rPr>
        <sz val="9"/>
        <color rgb="FFFF0000"/>
        <rFont val="Calibri"/>
        <family val="3"/>
        <charset val="134"/>
        <scheme val="minor"/>
      </rPr>
      <t>(1=No / 0=Yes)</t>
    </r>
    <phoneticPr fontId="6" type="noConversion"/>
  </si>
  <si>
    <t>CU_ZSW1_Bit12</t>
  </si>
  <si>
    <t>从站时钟同步bit 0</t>
    <phoneticPr fontId="6" type="noConversion"/>
  </si>
  <si>
    <r>
      <t>Slave sign-of-life bit 0</t>
    </r>
    <r>
      <rPr>
        <sz val="9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t>CU_ZSW1_Bit13</t>
  </si>
  <si>
    <t>从站时钟同步bit 1</t>
  </si>
  <si>
    <r>
      <t>Slave sign-of-life bit 1</t>
    </r>
    <r>
      <rPr>
        <sz val="9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t>CU_ZSW1_Bit14</t>
  </si>
  <si>
    <t>从站时钟同步bit 2</t>
  </si>
  <si>
    <r>
      <t>Slave sign-of-life bit 2</t>
    </r>
    <r>
      <rPr>
        <sz val="9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t>CU_ZSW1_Bit15</t>
  </si>
  <si>
    <t>从站时钟同步bit 3</t>
  </si>
  <si>
    <r>
      <t>Slave sign-of-life bit 3</t>
    </r>
    <r>
      <rPr>
        <sz val="9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t>PZD2</t>
    <phoneticPr fontId="6" type="noConversion"/>
  </si>
  <si>
    <t>E_DIGITAL</t>
    <phoneticPr fontId="6" type="noConversion"/>
  </si>
  <si>
    <t>E_DIGITAL_Bit0</t>
  </si>
  <si>
    <r>
      <t>DI/DO 8</t>
    </r>
    <r>
      <rPr>
        <b/>
        <sz val="9"/>
        <rFont val="Calibri"/>
        <family val="3"/>
        <charset val="134"/>
        <scheme val="minor"/>
      </rPr>
      <t>(X122.9/X121.7)</t>
    </r>
    <r>
      <rPr>
        <sz val="9"/>
        <color rgb="FFFF0000"/>
        <rFont val="Calibri"/>
        <family val="3"/>
        <charset val="134"/>
        <scheme val="minor"/>
      </rPr>
      <t>(1=h High / 0=Low)</t>
    </r>
    <phoneticPr fontId="6" type="noConversion"/>
  </si>
  <si>
    <t>E_DIGITAL_Bit1</t>
  </si>
  <si>
    <r>
      <t>DI/DO 9</t>
    </r>
    <r>
      <rPr>
        <b/>
        <sz val="9"/>
        <rFont val="Calibri"/>
        <family val="3"/>
        <charset val="134"/>
        <scheme val="minor"/>
      </rPr>
      <t>(X122.10/X121.8)</t>
    </r>
    <r>
      <rPr>
        <sz val="9"/>
        <color rgb="FFFF0000"/>
        <rFont val="Calibri"/>
        <family val="3"/>
        <charset val="134"/>
        <scheme val="minor"/>
      </rPr>
      <t>(1=h High / 0=Low)</t>
    </r>
    <r>
      <rPr>
        <sz val="11"/>
        <color theme="1"/>
        <rFont val="Calibri"/>
        <family val="2"/>
        <charset val="134"/>
        <scheme val="minor"/>
      </rPr>
      <t/>
    </r>
    <phoneticPr fontId="1" type="noConversion"/>
  </si>
  <si>
    <t>E_DIGITAL_Bit2</t>
  </si>
  <si>
    <r>
      <t>DI/DO 10</t>
    </r>
    <r>
      <rPr>
        <b/>
        <sz val="9"/>
        <rFont val="Calibri"/>
        <family val="3"/>
        <charset val="134"/>
        <scheme val="minor"/>
      </rPr>
      <t>(X122.12/X121.10)</t>
    </r>
    <r>
      <rPr>
        <sz val="9"/>
        <color rgb="FFFF0000"/>
        <rFont val="Calibri"/>
        <family val="3"/>
        <charset val="134"/>
        <scheme val="minor"/>
      </rPr>
      <t>(1=h High / 0=Low)</t>
    </r>
    <r>
      <rPr>
        <sz val="11"/>
        <color theme="1"/>
        <rFont val="Calibri"/>
        <family val="2"/>
        <charset val="134"/>
        <scheme val="minor"/>
      </rPr>
      <t/>
    </r>
    <phoneticPr fontId="1" type="noConversion"/>
  </si>
  <si>
    <t>E_DIGITAL_Bit3</t>
  </si>
  <si>
    <r>
      <t>DI/DO 11</t>
    </r>
    <r>
      <rPr>
        <b/>
        <sz val="9"/>
        <rFont val="Calibri"/>
        <family val="3"/>
        <charset val="134"/>
        <scheme val="minor"/>
      </rPr>
      <t>(X122.13/X121.11)</t>
    </r>
    <r>
      <rPr>
        <sz val="9"/>
        <color rgb="FFFF0000"/>
        <rFont val="Calibri"/>
        <family val="3"/>
        <charset val="134"/>
        <scheme val="minor"/>
      </rPr>
      <t>(1=h High / 0=Low)</t>
    </r>
    <r>
      <rPr>
        <sz val="11"/>
        <color theme="1"/>
        <rFont val="Calibri"/>
        <family val="2"/>
        <charset val="134"/>
        <scheme val="minor"/>
      </rPr>
      <t/>
    </r>
    <phoneticPr fontId="1" type="noConversion"/>
  </si>
  <si>
    <t>E_DIGITAL_Bit4</t>
  </si>
  <si>
    <r>
      <t>DI/DO 12</t>
    </r>
    <r>
      <rPr>
        <b/>
        <sz val="9"/>
        <rFont val="Calibri"/>
        <family val="3"/>
        <charset val="134"/>
        <scheme val="minor"/>
      </rPr>
      <t>(X132.9/X131.1)</t>
    </r>
    <r>
      <rPr>
        <sz val="9"/>
        <color rgb="FFFF0000"/>
        <rFont val="Calibri"/>
        <family val="3"/>
        <charset val="134"/>
        <scheme val="minor"/>
      </rPr>
      <t>(1=h High / 0=Low)</t>
    </r>
    <r>
      <rPr>
        <sz val="11"/>
        <color theme="1"/>
        <rFont val="Calibri"/>
        <family val="2"/>
        <charset val="134"/>
        <scheme val="minor"/>
      </rPr>
      <t/>
    </r>
    <phoneticPr fontId="1" type="noConversion"/>
  </si>
  <si>
    <t>E_DIGITAL_Bit5</t>
  </si>
  <si>
    <r>
      <t>DI/DO 13</t>
    </r>
    <r>
      <rPr>
        <b/>
        <sz val="9"/>
        <rFont val="Calibri"/>
        <family val="3"/>
        <charset val="134"/>
        <scheme val="minor"/>
      </rPr>
      <t>(X132.10/X131.2)</t>
    </r>
    <r>
      <rPr>
        <sz val="9"/>
        <color rgb="FFFF0000"/>
        <rFont val="Calibri"/>
        <family val="3"/>
        <charset val="134"/>
        <scheme val="minor"/>
      </rPr>
      <t>(1=h High / 0=Low)</t>
    </r>
    <r>
      <rPr>
        <sz val="11"/>
        <color theme="1"/>
        <rFont val="Calibri"/>
        <family val="2"/>
        <charset val="134"/>
        <scheme val="minor"/>
      </rPr>
      <t/>
    </r>
    <phoneticPr fontId="1" type="noConversion"/>
  </si>
  <si>
    <t>E_DIGITAL_Bit6</t>
  </si>
  <si>
    <r>
      <t>DI/DO 14</t>
    </r>
    <r>
      <rPr>
        <b/>
        <sz val="9"/>
        <rFont val="Calibri"/>
        <family val="3"/>
        <charset val="134"/>
        <scheme val="minor"/>
      </rPr>
      <t>(X132.12/X131.4)</t>
    </r>
    <r>
      <rPr>
        <sz val="9"/>
        <color rgb="FFFF0000"/>
        <rFont val="Calibri"/>
        <family val="3"/>
        <charset val="134"/>
        <scheme val="minor"/>
      </rPr>
      <t>(1=h High / 0=Low)</t>
    </r>
    <r>
      <rPr>
        <sz val="11"/>
        <color theme="1"/>
        <rFont val="Calibri"/>
        <family val="2"/>
        <charset val="134"/>
        <scheme val="minor"/>
      </rPr>
      <t/>
    </r>
    <phoneticPr fontId="1" type="noConversion"/>
  </si>
  <si>
    <t>E_DIGITAL_Bit7</t>
  </si>
  <si>
    <r>
      <t>DI/DO 15</t>
    </r>
    <r>
      <rPr>
        <b/>
        <sz val="9"/>
        <rFont val="Calibri"/>
        <family val="3"/>
        <charset val="134"/>
        <scheme val="minor"/>
      </rPr>
      <t>(X132.13/X131.5)</t>
    </r>
    <r>
      <rPr>
        <sz val="9"/>
        <color rgb="FFFF0000"/>
        <rFont val="Calibri"/>
        <family val="3"/>
        <charset val="134"/>
        <scheme val="minor"/>
      </rPr>
      <t>(1=h High / 0=Low)</t>
    </r>
    <r>
      <rPr>
        <sz val="11"/>
        <color theme="1"/>
        <rFont val="Calibri"/>
        <family val="2"/>
        <charset val="134"/>
        <scheme val="minor"/>
      </rPr>
      <t/>
    </r>
    <phoneticPr fontId="1" type="noConversion"/>
  </si>
  <si>
    <t>E_DIGITAL_Bit8</t>
  </si>
  <si>
    <r>
      <t>DI 0</t>
    </r>
    <r>
      <rPr>
        <b/>
        <sz val="9"/>
        <rFont val="Calibri"/>
        <family val="3"/>
        <charset val="134"/>
        <scheme val="minor"/>
      </rPr>
      <t>(X122.1/X121.1)</t>
    </r>
    <r>
      <rPr>
        <sz val="9"/>
        <color rgb="FFFF0000"/>
        <rFont val="Calibri"/>
        <family val="3"/>
        <charset val="134"/>
        <scheme val="minor"/>
      </rPr>
      <t>(1=h High / 0=Low)</t>
    </r>
    <r>
      <rPr>
        <sz val="11"/>
        <color theme="1"/>
        <rFont val="Calibri"/>
        <family val="2"/>
        <charset val="134"/>
        <scheme val="minor"/>
      </rPr>
      <t/>
    </r>
    <phoneticPr fontId="1" type="noConversion"/>
  </si>
  <si>
    <t>E_DIGITAL_Bit9</t>
  </si>
  <si>
    <r>
      <t>DI 1</t>
    </r>
    <r>
      <rPr>
        <b/>
        <sz val="9"/>
        <rFont val="Calibri"/>
        <family val="3"/>
        <charset val="134"/>
        <scheme val="minor"/>
      </rPr>
      <t>(X122.2/X121.2)</t>
    </r>
    <r>
      <rPr>
        <sz val="9"/>
        <color rgb="FFFF0000"/>
        <rFont val="Calibri"/>
        <family val="3"/>
        <charset val="134"/>
        <scheme val="minor"/>
      </rPr>
      <t>(1=h High / 0=Low)</t>
    </r>
    <r>
      <rPr>
        <sz val="11"/>
        <color theme="1"/>
        <rFont val="Calibri"/>
        <family val="2"/>
        <charset val="134"/>
        <scheme val="minor"/>
      </rPr>
      <t/>
    </r>
    <phoneticPr fontId="1" type="noConversion"/>
  </si>
  <si>
    <t>E_DIGITAL_Bit10</t>
  </si>
  <si>
    <r>
      <t>DI 2</t>
    </r>
    <r>
      <rPr>
        <b/>
        <sz val="9"/>
        <rFont val="Calibri"/>
        <family val="3"/>
        <charset val="134"/>
        <scheme val="minor"/>
      </rPr>
      <t>(X122.3/X121.3)</t>
    </r>
    <r>
      <rPr>
        <sz val="9"/>
        <color rgb="FFFF0000"/>
        <rFont val="Calibri"/>
        <family val="3"/>
        <charset val="134"/>
        <scheme val="minor"/>
      </rPr>
      <t>(1=h High / 0=Low)</t>
    </r>
    <r>
      <rPr>
        <sz val="11"/>
        <color theme="1"/>
        <rFont val="Calibri"/>
        <family val="2"/>
        <charset val="134"/>
        <scheme val="minor"/>
      </rPr>
      <t/>
    </r>
    <phoneticPr fontId="1" type="noConversion"/>
  </si>
  <si>
    <t>E_DIGITAL_Bit11</t>
  </si>
  <si>
    <r>
      <t>DI 3</t>
    </r>
    <r>
      <rPr>
        <b/>
        <sz val="9"/>
        <rFont val="Calibri"/>
        <family val="3"/>
        <charset val="134"/>
        <scheme val="minor"/>
      </rPr>
      <t>(X122.4/X121.4)</t>
    </r>
    <r>
      <rPr>
        <sz val="9"/>
        <color rgb="FFFF0000"/>
        <rFont val="Calibri"/>
        <family val="3"/>
        <charset val="134"/>
        <scheme val="minor"/>
      </rPr>
      <t>(1=h High / 0=Low)</t>
    </r>
    <r>
      <rPr>
        <sz val="11"/>
        <color theme="1"/>
        <rFont val="Calibri"/>
        <family val="2"/>
        <charset val="134"/>
        <scheme val="minor"/>
      </rPr>
      <t/>
    </r>
    <phoneticPr fontId="1" type="noConversion"/>
  </si>
  <si>
    <t>E_DIGITAL_Bit12</t>
  </si>
  <si>
    <r>
      <t>DI 4</t>
    </r>
    <r>
      <rPr>
        <b/>
        <sz val="9"/>
        <rFont val="Calibri"/>
        <family val="3"/>
        <charset val="134"/>
        <scheme val="minor"/>
      </rPr>
      <t>(X132.1/-)</t>
    </r>
    <r>
      <rPr>
        <sz val="9"/>
        <color rgb="FFFF0000"/>
        <rFont val="Calibri"/>
        <family val="3"/>
        <charset val="134"/>
        <scheme val="minor"/>
      </rPr>
      <t>(1=h High / 0=Low)</t>
    </r>
    <r>
      <rPr>
        <sz val="11"/>
        <color theme="1"/>
        <rFont val="Calibri"/>
        <family val="2"/>
        <charset val="134"/>
        <scheme val="minor"/>
      </rPr>
      <t/>
    </r>
    <phoneticPr fontId="1" type="noConversion"/>
  </si>
  <si>
    <t>E_DIGITAL_Bit13</t>
  </si>
  <si>
    <r>
      <t>DI 5</t>
    </r>
    <r>
      <rPr>
        <b/>
        <sz val="9"/>
        <rFont val="Calibri"/>
        <family val="3"/>
        <charset val="134"/>
        <scheme val="minor"/>
      </rPr>
      <t>(X132.2/-)</t>
    </r>
    <r>
      <rPr>
        <sz val="9"/>
        <color rgb="FFFF0000"/>
        <rFont val="Calibri"/>
        <family val="3"/>
        <charset val="134"/>
        <scheme val="minor"/>
      </rPr>
      <t>(1=h High / 0=Low)</t>
    </r>
    <r>
      <rPr>
        <sz val="11"/>
        <color theme="1"/>
        <rFont val="Calibri"/>
        <family val="2"/>
        <charset val="134"/>
        <scheme val="minor"/>
      </rPr>
      <t/>
    </r>
    <phoneticPr fontId="1" type="noConversion"/>
  </si>
  <si>
    <t>E_DIGITAL_Bit14</t>
  </si>
  <si>
    <r>
      <t>DI 6</t>
    </r>
    <r>
      <rPr>
        <b/>
        <sz val="9"/>
        <rFont val="Calibri"/>
        <family val="3"/>
        <charset val="134"/>
        <scheme val="minor"/>
      </rPr>
      <t>(X132.3/-)</t>
    </r>
    <r>
      <rPr>
        <sz val="9"/>
        <color rgb="FFFF0000"/>
        <rFont val="Calibri"/>
        <family val="3"/>
        <charset val="134"/>
        <scheme val="minor"/>
      </rPr>
      <t>(1=h High / 0=Low)</t>
    </r>
    <r>
      <rPr>
        <sz val="11"/>
        <color theme="1"/>
        <rFont val="Calibri"/>
        <family val="2"/>
        <charset val="134"/>
        <scheme val="minor"/>
      </rPr>
      <t/>
    </r>
    <phoneticPr fontId="1" type="noConversion"/>
  </si>
  <si>
    <t>E_DIGITAL_Bit15</t>
  </si>
  <si>
    <r>
      <t>DI 7</t>
    </r>
    <r>
      <rPr>
        <b/>
        <sz val="9"/>
        <rFont val="Calibri"/>
        <family val="3"/>
        <charset val="134"/>
        <scheme val="minor"/>
      </rPr>
      <t>(X132.4/-)</t>
    </r>
    <r>
      <rPr>
        <sz val="9"/>
        <color rgb="FFFF0000"/>
        <rFont val="Calibri"/>
        <family val="3"/>
        <charset val="134"/>
        <scheme val="minor"/>
      </rPr>
      <t>(1=h High / 0=Low)</t>
    </r>
    <r>
      <rPr>
        <sz val="11"/>
        <color theme="1"/>
        <rFont val="Calibri"/>
        <family val="2"/>
        <charset val="134"/>
        <scheme val="minor"/>
      </rPr>
      <t/>
    </r>
    <phoneticPr fontId="1" type="noConversion"/>
  </si>
  <si>
    <r>
      <t>Receive（PLC</t>
    </r>
    <r>
      <rPr>
        <b/>
        <sz val="11"/>
        <color rgb="FFFF0000"/>
        <rFont val="宋体"/>
        <family val="3"/>
        <charset val="134"/>
      </rPr>
      <t>→</t>
    </r>
    <r>
      <rPr>
        <b/>
        <sz val="11"/>
        <color rgb="FFFF0000"/>
        <rFont val="Calibri"/>
        <family val="3"/>
        <charset val="134"/>
        <scheme val="minor"/>
      </rPr>
      <t>驱动器）</t>
    </r>
    <phoneticPr fontId="1" type="noConversion"/>
  </si>
  <si>
    <t>CU_STW1</t>
    <phoneticPr fontId="1" type="noConversion"/>
  </si>
  <si>
    <t>CU_STW1_Bit0</t>
  </si>
  <si>
    <t>中心的测量探头同步信号命令</t>
    <phoneticPr fontId="6" type="noConversion"/>
  </si>
  <si>
    <r>
      <t>Central measuring probe synchronizing signal signal source</t>
    </r>
    <r>
      <rPr>
        <sz val="9"/>
        <color rgb="FFFF0000"/>
        <rFont val="Calibri"/>
        <family val="3"/>
        <charset val="134"/>
        <scheme val="minor"/>
      </rPr>
      <t>(1=On / 0=Off)</t>
    </r>
    <phoneticPr fontId="6" type="noConversion"/>
  </si>
  <si>
    <t>CU_STW1_Bit1</t>
  </si>
  <si>
    <r>
      <t>RTC real time synchronization PING</t>
    </r>
    <r>
      <rPr>
        <sz val="9"/>
        <color rgb="FFFF0000"/>
        <rFont val="Calibri"/>
        <family val="3"/>
        <charset val="134"/>
        <scheme val="minor"/>
      </rPr>
      <t>(1=On / 0=Off)</t>
    </r>
    <phoneticPr fontId="6" type="noConversion"/>
  </si>
  <si>
    <t>CU_STW1_Bit2</t>
  </si>
  <si>
    <t>CU_STW1_Bit3</t>
  </si>
  <si>
    <t>CU_STW1_Bit4</t>
  </si>
  <si>
    <t>CU_STW1_Bit5</t>
  </si>
  <si>
    <t>CU_STW1_Bit6</t>
  </si>
  <si>
    <t>CU_STW1_Bit7</t>
  </si>
  <si>
    <t>故障确认</t>
    <phoneticPr fontId="6" type="noConversion"/>
  </si>
  <si>
    <r>
      <t>1.Acknowledge fault</t>
    </r>
    <r>
      <rPr>
        <sz val="9"/>
        <color rgb="FFFF0000"/>
        <rFont val="Calibri"/>
        <family val="3"/>
        <charset val="134"/>
        <scheme val="minor"/>
      </rPr>
      <t>(1=On / 0=Off)</t>
    </r>
    <phoneticPr fontId="6" type="noConversion"/>
  </si>
  <si>
    <t>CU_STW1_Bit8</t>
  </si>
  <si>
    <t>CU_STW1_Bit9</t>
  </si>
  <si>
    <t>CU_STW1_Bit10</t>
  </si>
  <si>
    <t>"禁止自动控制"确认</t>
    <phoneticPr fontId="6" type="noConversion"/>
  </si>
  <si>
    <r>
      <t>Acknowledgement automatically suppressed</t>
    </r>
    <r>
      <rPr>
        <sz val="9"/>
        <color rgb="FFFF0000"/>
        <rFont val="Calibri"/>
        <family val="3"/>
        <charset val="134"/>
        <scheme val="minor"/>
      </rPr>
      <t>(1=On / 0=Off)</t>
    </r>
    <phoneticPr fontId="6" type="noConversion"/>
  </si>
  <si>
    <t>CU_STW1_Bit11</t>
  </si>
  <si>
    <t>CU_STW1_Bit12</t>
  </si>
  <si>
    <t>主站时钟同步bit 0</t>
    <phoneticPr fontId="6" type="noConversion"/>
  </si>
  <si>
    <r>
      <t>Master sign-of-life bit 0</t>
    </r>
    <r>
      <rPr>
        <sz val="9"/>
        <color rgb="FFFF0000"/>
        <rFont val="Calibri"/>
        <family val="3"/>
        <charset val="134"/>
        <scheme val="minor"/>
      </rPr>
      <t>(1=On / 0=Off)</t>
    </r>
    <phoneticPr fontId="6" type="noConversion"/>
  </si>
  <si>
    <t>CU_STW1_Bit13</t>
  </si>
  <si>
    <t>主站时钟同步bit 1</t>
  </si>
  <si>
    <r>
      <t>Master sign-of-life bit 1</t>
    </r>
    <r>
      <rPr>
        <sz val="9"/>
        <color rgb="FFFF0000"/>
        <rFont val="Calibri"/>
        <family val="3"/>
        <charset val="134"/>
        <scheme val="minor"/>
      </rPr>
      <t>(1=On / 0=Off)</t>
    </r>
    <phoneticPr fontId="6" type="noConversion"/>
  </si>
  <si>
    <t>CU_STW1_Bit14</t>
  </si>
  <si>
    <t>主站时钟同步bit 2</t>
  </si>
  <si>
    <r>
      <t>Master sign-of-life bit 2</t>
    </r>
    <r>
      <rPr>
        <sz val="9"/>
        <color rgb="FFFF0000"/>
        <rFont val="Calibri"/>
        <family val="3"/>
        <charset val="134"/>
        <scheme val="minor"/>
      </rPr>
      <t>(1=On / 0=Off)</t>
    </r>
    <phoneticPr fontId="6" type="noConversion"/>
  </si>
  <si>
    <t>CU_STW1_Bit15</t>
  </si>
  <si>
    <t>主站时钟同步bit 3</t>
  </si>
  <si>
    <r>
      <t>Master sign-of-life bit 3</t>
    </r>
    <r>
      <rPr>
        <sz val="9"/>
        <color rgb="FFFF0000"/>
        <rFont val="Calibri"/>
        <family val="3"/>
        <charset val="134"/>
        <scheme val="minor"/>
      </rPr>
      <t>(1=On / 0=Off)</t>
    </r>
    <phoneticPr fontId="6" type="noConversion"/>
  </si>
  <si>
    <t>A_DIGITAL</t>
    <phoneticPr fontId="6" type="noConversion"/>
  </si>
  <si>
    <t>A_DIGITAL_Bit0</t>
  </si>
  <si>
    <t>控制单元端子排信号DI/DO 8</t>
    <phoneticPr fontId="6" type="noConversion"/>
  </si>
  <si>
    <r>
      <t>CU singal source for terminal DI/DO 8</t>
    </r>
    <r>
      <rPr>
        <sz val="9"/>
        <color rgb="FFFF0000"/>
        <rFont val="Calibri"/>
        <family val="3"/>
        <charset val="134"/>
        <scheme val="minor"/>
      </rPr>
      <t>(1=On / 0=Off)</t>
    </r>
    <phoneticPr fontId="6" type="noConversion"/>
  </si>
  <si>
    <t>A_DIGITAL_Bit1</t>
  </si>
  <si>
    <t>控制单元端子排信号DI/DO 9</t>
    <phoneticPr fontId="6" type="noConversion"/>
  </si>
  <si>
    <r>
      <t>CU singal source for terminal DI/DO 9</t>
    </r>
    <r>
      <rPr>
        <sz val="9"/>
        <color rgb="FFFF0000"/>
        <rFont val="Calibri"/>
        <family val="3"/>
        <charset val="134"/>
        <scheme val="minor"/>
      </rPr>
      <t>(1=On / 0=Off)</t>
    </r>
    <phoneticPr fontId="6" type="noConversion"/>
  </si>
  <si>
    <t>A_DIGITAL_Bit2</t>
  </si>
  <si>
    <t>控制单元端子排信号DI/DO 10</t>
  </si>
  <si>
    <r>
      <t>CU singal source for terminal DI/DO 10</t>
    </r>
    <r>
      <rPr>
        <sz val="9"/>
        <color rgb="FFFF0000"/>
        <rFont val="Calibri"/>
        <family val="3"/>
        <charset val="134"/>
        <scheme val="minor"/>
      </rPr>
      <t>(1=On / 0=Off)</t>
    </r>
    <phoneticPr fontId="6" type="noConversion"/>
  </si>
  <si>
    <t>A_DIGITAL_Bit3</t>
  </si>
  <si>
    <t>控制单元端子排信号DI/DO 11</t>
  </si>
  <si>
    <r>
      <t>CU singal source for terminal DI/DO 11</t>
    </r>
    <r>
      <rPr>
        <sz val="9"/>
        <color rgb="FFFF0000"/>
        <rFont val="Calibri"/>
        <family val="3"/>
        <charset val="134"/>
        <scheme val="minor"/>
      </rPr>
      <t>(1=On / 0=Off)</t>
    </r>
    <phoneticPr fontId="6" type="noConversion"/>
  </si>
  <si>
    <t>A_DIGITAL_Bit4</t>
  </si>
  <si>
    <t>控制单元端子排信号DI/DO 12</t>
  </si>
  <si>
    <r>
      <t>CU singal source for terminal DI/DO 12</t>
    </r>
    <r>
      <rPr>
        <sz val="9"/>
        <color rgb="FFFF0000"/>
        <rFont val="Calibri"/>
        <family val="3"/>
        <charset val="134"/>
        <scheme val="minor"/>
      </rPr>
      <t>(1=On / 0=Off)</t>
    </r>
    <phoneticPr fontId="6" type="noConversion"/>
  </si>
  <si>
    <t>A_DIGITAL_Bit5</t>
  </si>
  <si>
    <t>控制单元端子排信号DI/DO 13</t>
  </si>
  <si>
    <r>
      <t>CU singal source for terminal DI/DO 13</t>
    </r>
    <r>
      <rPr>
        <sz val="9"/>
        <color rgb="FFFF0000"/>
        <rFont val="Calibri"/>
        <family val="3"/>
        <charset val="134"/>
        <scheme val="minor"/>
      </rPr>
      <t>(1=On / 0=Off)</t>
    </r>
    <phoneticPr fontId="6" type="noConversion"/>
  </si>
  <si>
    <t>A_DIGITAL_Bit6</t>
  </si>
  <si>
    <t>控制单元端子排信号DI/DO 14</t>
  </si>
  <si>
    <r>
      <t>CU singal source for terminal DI/DO 14</t>
    </r>
    <r>
      <rPr>
        <sz val="9"/>
        <color rgb="FFFF0000"/>
        <rFont val="Calibri"/>
        <family val="3"/>
        <charset val="134"/>
        <scheme val="minor"/>
      </rPr>
      <t>(1=On / 0=Off)</t>
    </r>
    <phoneticPr fontId="6" type="noConversion"/>
  </si>
  <si>
    <t>A_DIGITAL_Bit7</t>
  </si>
  <si>
    <t>控制单元端子排信号DI/DO 15</t>
  </si>
  <si>
    <r>
      <t>CU singal source for terminal DI/DO 15</t>
    </r>
    <r>
      <rPr>
        <sz val="9"/>
        <color rgb="FFFF0000"/>
        <rFont val="Calibri"/>
        <family val="3"/>
        <charset val="134"/>
        <scheme val="minor"/>
      </rPr>
      <t>(1=On / 0=Off)</t>
    </r>
    <phoneticPr fontId="6" type="noConversion"/>
  </si>
  <si>
    <t>A_DIGITAL_Bit8</t>
  </si>
  <si>
    <r>
      <t>Reserved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t>A_DIGITAL_Bit9</t>
  </si>
  <si>
    <t>A_DIGITAL_Bit10</t>
  </si>
  <si>
    <t>A_DIGITAL_Bit11</t>
  </si>
  <si>
    <t>A_DIGITAL_Bit12</t>
  </si>
  <si>
    <t>A_DIGITAL_Bit13</t>
  </si>
  <si>
    <t>A_DIGITAL_Bit14</t>
  </si>
  <si>
    <t>A_DIGITAL_Bit15</t>
  </si>
  <si>
    <t>[111] SIEMENS telegram 111, PZD-12/12</t>
    <phoneticPr fontId="1" type="noConversion"/>
  </si>
  <si>
    <t>中文</t>
    <phoneticPr fontId="6" type="noConversion"/>
  </si>
  <si>
    <t>PLC功能块名称</t>
    <phoneticPr fontId="6" type="noConversion"/>
  </si>
  <si>
    <t>状态字1</t>
    <phoneticPr fontId="6" type="noConversion"/>
  </si>
  <si>
    <t>ZSW1_Bit0</t>
  </si>
  <si>
    <t>接通就绪</t>
    <phoneticPr fontId="6" type="noConversion"/>
  </si>
  <si>
    <t>ZSW1_Bit1</t>
  </si>
  <si>
    <t>运行准备就绪</t>
    <phoneticPr fontId="6" type="noConversion"/>
  </si>
  <si>
    <t>ZSW1_Bit2</t>
  </si>
  <si>
    <t>运行使能</t>
    <phoneticPr fontId="6" type="noConversion"/>
  </si>
  <si>
    <t>ZSW1_Bit3</t>
  </si>
  <si>
    <t>ZSW1_Bit4</t>
  </si>
  <si>
    <t>ZSW1_Bit5</t>
  </si>
  <si>
    <t>ZSW1_Bit6</t>
  </si>
  <si>
    <t>"禁止开关接通"激活</t>
    <phoneticPr fontId="6" type="noConversion"/>
  </si>
  <si>
    <t>ZSW1_Bit7</t>
  </si>
  <si>
    <t>ZSW1_Bit8</t>
  </si>
  <si>
    <t>ZSW1_Bit9</t>
  </si>
  <si>
    <t>控制请求</t>
    <phoneticPr fontId="6" type="noConversion"/>
  </si>
  <si>
    <t>ZSW1_Bit10</t>
  </si>
  <si>
    <t>到达目标位置</t>
    <phoneticPr fontId="6" type="noConversion"/>
  </si>
  <si>
    <t>ZSW1_Bit11</t>
  </si>
  <si>
    <t>参考点设置</t>
    <phoneticPr fontId="6" type="noConversion"/>
  </si>
  <si>
    <t>ZSW1_Bit12</t>
  </si>
  <si>
    <t>确认程序步已激活</t>
    <phoneticPr fontId="6" type="noConversion"/>
  </si>
  <si>
    <t>ZSW1_Bit13</t>
  </si>
  <si>
    <t>速度极限值3</t>
    <phoneticPr fontId="6" type="noConversion"/>
  </si>
  <si>
    <t>ZSW1_Bit14</t>
    <phoneticPr fontId="1" type="noConversion"/>
  </si>
  <si>
    <t>轴加速度</t>
    <phoneticPr fontId="6" type="noConversion"/>
  </si>
  <si>
    <t>ZSW1_Bit15</t>
  </si>
  <si>
    <t>轴减速度</t>
    <phoneticPr fontId="6" type="noConversion"/>
  </si>
  <si>
    <t>基本定位器的状态字1</t>
    <phoneticPr fontId="1" type="noConversion"/>
  </si>
  <si>
    <t>POS_ZSW1_Bit0</t>
  </si>
  <si>
    <t>程序步bit 0激活</t>
    <phoneticPr fontId="6" type="noConversion"/>
  </si>
  <si>
    <t>POS_ZSW1_Bit1</t>
  </si>
  <si>
    <t>程序步bit 1激活</t>
    <phoneticPr fontId="6" type="noConversion"/>
  </si>
  <si>
    <t>POS_ZSW1_Bit2</t>
  </si>
  <si>
    <t>程序步bit 2激活</t>
  </si>
  <si>
    <t>POS_ZSW1_Bit3</t>
  </si>
  <si>
    <t>程序步bit 3激活</t>
  </si>
  <si>
    <t>POS_ZSW1_Bit4</t>
  </si>
  <si>
    <t>程序步bit 4激活</t>
  </si>
  <si>
    <t>POS_ZSW1_Bit5</t>
  </si>
  <si>
    <t>程序步bit 5激活</t>
  </si>
  <si>
    <t>POS_ZSW1_Bit6</t>
  </si>
  <si>
    <t>预留</t>
  </si>
  <si>
    <t>POS_ZSW1_Bit7</t>
  </si>
  <si>
    <t>POS_ZSW1_Bit8</t>
  </si>
  <si>
    <t>反向接近开关激活</t>
    <phoneticPr fontId="6" type="noConversion"/>
  </si>
  <si>
    <t>POS_ZSW1_Bit9</t>
  </si>
  <si>
    <t>正向接近开关激活</t>
    <phoneticPr fontId="6" type="noConversion"/>
  </si>
  <si>
    <t>POS_ZSW1_Bit10</t>
  </si>
  <si>
    <t>点动激活</t>
    <phoneticPr fontId="6" type="noConversion"/>
  </si>
  <si>
    <t>POS_ZSW1_Bit11</t>
  </si>
  <si>
    <t>回零程序激活</t>
    <phoneticPr fontId="6" type="noConversion"/>
  </si>
  <si>
    <t>POS_ZSW1_Bit12</t>
  </si>
  <si>
    <t>动态回零激活</t>
    <phoneticPr fontId="6" type="noConversion"/>
  </si>
  <si>
    <t>POS_ZSW1_Bit13</t>
  </si>
  <si>
    <t>程序步激活</t>
    <phoneticPr fontId="6" type="noConversion"/>
  </si>
  <si>
    <t>POS_ZSW1_Bit14</t>
  </si>
  <si>
    <t>设置激活</t>
    <phoneticPr fontId="6" type="noConversion"/>
  </si>
  <si>
    <t>POS_ZSW1_Bit15</t>
  </si>
  <si>
    <t>MDI激活</t>
    <phoneticPr fontId="6" type="noConversion"/>
  </si>
  <si>
    <t>PZD3</t>
    <phoneticPr fontId="6" type="noConversion"/>
  </si>
  <si>
    <t>基本定位器的状态字2</t>
    <phoneticPr fontId="1" type="noConversion"/>
  </si>
  <si>
    <t>POS_ZSW2_Bit0</t>
  </si>
  <si>
    <t>程序步模式激活</t>
    <phoneticPr fontId="6" type="noConversion"/>
  </si>
  <si>
    <t>POS_ZSW2_Bit1</t>
  </si>
  <si>
    <t>速率限制激活</t>
    <phoneticPr fontId="6" type="noConversion"/>
  </si>
  <si>
    <t>POS_ZSW2_Bit2</t>
  </si>
  <si>
    <t>设置固定点</t>
    <phoneticPr fontId="6" type="noConversion"/>
  </si>
  <si>
    <t>POS_ZSW2_Bit3</t>
  </si>
  <si>
    <t>外部的窗口打印外部标记</t>
    <phoneticPr fontId="6" type="noConversion"/>
  </si>
  <si>
    <t>POS_ZSW2_Bit4</t>
  </si>
  <si>
    <t>轴正向移动</t>
    <phoneticPr fontId="6" type="noConversion"/>
  </si>
  <si>
    <t>POS_ZSW2_Bit5</t>
  </si>
  <si>
    <t>轴反向移动</t>
    <phoneticPr fontId="6" type="noConversion"/>
  </si>
  <si>
    <t>POS_ZSW2_Bit6</t>
  </si>
  <si>
    <t>反向软限位开关到达</t>
    <phoneticPr fontId="6" type="noConversion"/>
  </si>
  <si>
    <t>POS_ZSW2_Bit7</t>
  </si>
  <si>
    <t>正向软限位开关到达</t>
    <phoneticPr fontId="6" type="noConversion"/>
  </si>
  <si>
    <t>POS_ZSW2_Bit8</t>
  </si>
  <si>
    <t>位置实际值&lt;=硬限位开关位置1</t>
    <phoneticPr fontId="6" type="noConversion"/>
  </si>
  <si>
    <t>POS_ZSW2_Bit9</t>
  </si>
  <si>
    <t>位置实际值&lt;=硬限位开关位置2</t>
  </si>
  <si>
    <t>POS_ZSW2_Bit10</t>
  </si>
  <si>
    <t>经由程序步直接输出1</t>
    <phoneticPr fontId="6" type="noConversion"/>
  </si>
  <si>
    <t>POS_ZSW2_Bit11</t>
  </si>
  <si>
    <t>经由程序步直接输出2</t>
  </si>
  <si>
    <t>POS_ZSW2_Bit12</t>
  </si>
  <si>
    <t>到达固定停止点</t>
    <phoneticPr fontId="6" type="noConversion"/>
  </si>
  <si>
    <t>POS_ZSW2_Bit13</t>
  </si>
  <si>
    <t>到达固定停止点钳位转矩</t>
    <phoneticPr fontId="6" type="noConversion"/>
  </si>
  <si>
    <t>POS_ZSW2_Bit14</t>
  </si>
  <si>
    <t>运行到固定停止点激活</t>
    <phoneticPr fontId="6" type="noConversion"/>
  </si>
  <si>
    <t>POS_ZSW2_Bit15</t>
  </si>
  <si>
    <t>运行命令激活</t>
    <phoneticPr fontId="6" type="noConversion"/>
  </si>
  <si>
    <t>PZD4</t>
    <phoneticPr fontId="6" type="noConversion"/>
  </si>
  <si>
    <t>状态字2</t>
    <phoneticPr fontId="6" type="noConversion"/>
  </si>
  <si>
    <t>ZSW2_Bit0</t>
  </si>
  <si>
    <t>驱动数据设置bit 0有效</t>
    <phoneticPr fontId="6" type="noConversion"/>
  </si>
  <si>
    <t>ZSW2_Bit1</t>
  </si>
  <si>
    <t>驱动数据设置bit 1有效</t>
  </si>
  <si>
    <t>ZSW2_Bit2</t>
  </si>
  <si>
    <t>驱动数据设置bit 2有效</t>
  </si>
  <si>
    <t>ZSW2_Bit3</t>
  </si>
  <si>
    <t>驱动数据设置bit 3有效</t>
  </si>
  <si>
    <t>ZSW2_Bit4</t>
  </si>
  <si>
    <t>驱动数据设置bit 4有效</t>
  </si>
  <si>
    <t>ZSW2_Bit5</t>
  </si>
  <si>
    <t>报警分类bit 0</t>
    <phoneticPr fontId="6" type="noConversion"/>
  </si>
  <si>
    <t>ZSW2_Bit6</t>
  </si>
  <si>
    <t>报警分类bit 1</t>
  </si>
  <si>
    <t>ZSW2_Bit7</t>
  </si>
  <si>
    <t>轴停车命令激活</t>
    <phoneticPr fontId="6" type="noConversion"/>
  </si>
  <si>
    <t>ZSW2_Bit8</t>
  </si>
  <si>
    <t>运行到固定点停止激活</t>
    <phoneticPr fontId="6" type="noConversion"/>
  </si>
  <si>
    <t>ZSW2_Bit9</t>
  </si>
  <si>
    <t>ZSW2_Bit10</t>
  </si>
  <si>
    <t>脉冲使能</t>
    <phoneticPr fontId="6" type="noConversion"/>
  </si>
  <si>
    <t>ZSW2_Bit11</t>
  </si>
  <si>
    <t>电动机转换激活</t>
    <phoneticPr fontId="6" type="noConversion"/>
  </si>
  <si>
    <t>ZSW2_Bit12</t>
  </si>
  <si>
    <t>ZSW2_Bit13</t>
  </si>
  <si>
    <t>ZSW2_Bit14</t>
  </si>
  <si>
    <t>ZSW2_Bit15</t>
  </si>
  <si>
    <t>PZD5</t>
    <phoneticPr fontId="6" type="noConversion"/>
  </si>
  <si>
    <t>信息状态字</t>
    <phoneticPr fontId="1" type="noConversion"/>
  </si>
  <si>
    <t>MELDW_Bit0</t>
  </si>
  <si>
    <t>斜坡上升/斜坡下降完成</t>
    <phoneticPr fontId="6" type="noConversion"/>
  </si>
  <si>
    <t>MELDW_Bit1</t>
  </si>
  <si>
    <t>转矩利用 &lt; 转矩极限值</t>
  </si>
  <si>
    <t>MELDW_Bit2</t>
  </si>
  <si>
    <t>|n_act| &lt; 速率极限值3</t>
    <phoneticPr fontId="6" type="noConversion"/>
  </si>
  <si>
    <t>MELDW_Bit3</t>
  </si>
  <si>
    <t>|n_act| &lt; 速率极限值2 p2155</t>
    <phoneticPr fontId="6" type="noConversion"/>
  </si>
  <si>
    <t>MELDW_Bit4</t>
  </si>
  <si>
    <t>电压-数字变换器控制器激活</t>
    <phoneticPr fontId="6" type="noConversion"/>
  </si>
  <si>
    <t>MELDW_Bit5</t>
  </si>
  <si>
    <t>信号发生器输出信号</t>
    <phoneticPr fontId="6" type="noConversion"/>
  </si>
  <si>
    <t>MELDW_Bit6</t>
  </si>
  <si>
    <t>超温报警</t>
    <phoneticPr fontId="6" type="noConversion"/>
  </si>
  <si>
    <t>MELDW_Bit7</t>
  </si>
  <si>
    <t>电源单元热过载报警</t>
    <phoneticPr fontId="6" type="noConversion"/>
  </si>
  <si>
    <t>MELDW_Bit8</t>
  </si>
  <si>
    <t>速度实际运行值偏差在“t_on”公差内</t>
    <phoneticPr fontId="6" type="noConversion"/>
  </si>
  <si>
    <t>MELDW_Bit9</t>
  </si>
  <si>
    <t>MELDW_Bit10</t>
  </si>
  <si>
    <t>MELDW_Bit11</t>
  </si>
  <si>
    <t>控制器使能</t>
    <phoneticPr fontId="6" type="noConversion"/>
  </si>
  <si>
    <t>MELDW_Bit12</t>
  </si>
  <si>
    <t>驱动器准备好</t>
    <phoneticPr fontId="6" type="noConversion"/>
  </si>
  <si>
    <t>MELDW_Bit13</t>
    <phoneticPr fontId="1" type="noConversion"/>
  </si>
  <si>
    <t>MELDW_Bit14</t>
  </si>
  <si>
    <t>MELDW_Bit15</t>
  </si>
  <si>
    <t>PZD6~7</t>
    <phoneticPr fontId="6" type="noConversion"/>
  </si>
  <si>
    <t>XIST_A</t>
    <phoneticPr fontId="6" type="noConversion"/>
  </si>
  <si>
    <t>位置实际值（32位）</t>
    <phoneticPr fontId="6" type="noConversion"/>
  </si>
  <si>
    <t>位置实际值</t>
    <phoneticPr fontId="6" type="noConversion"/>
  </si>
  <si>
    <t>PZD8~9</t>
    <phoneticPr fontId="6" type="noConversion"/>
  </si>
  <si>
    <t>转速实际值（32位）</t>
    <phoneticPr fontId="6" type="noConversion"/>
  </si>
  <si>
    <t>NIST_B</t>
    <phoneticPr fontId="6" type="noConversion"/>
  </si>
  <si>
    <t>速度实际值</t>
    <phoneticPr fontId="6" type="noConversion"/>
  </si>
  <si>
    <t>当前报警的编号</t>
    <phoneticPr fontId="1" type="noConversion"/>
  </si>
  <si>
    <t>FAULT_CODE</t>
    <phoneticPr fontId="6" type="noConversion"/>
  </si>
  <si>
    <t>故障代码</t>
    <phoneticPr fontId="6" type="noConversion"/>
  </si>
  <si>
    <t>WARN_CODE</t>
    <phoneticPr fontId="1" type="noConversion"/>
  </si>
  <si>
    <t>当前故障的编号</t>
    <phoneticPr fontId="1" type="noConversion"/>
  </si>
  <si>
    <t>WARN_CODE</t>
    <phoneticPr fontId="6" type="noConversion"/>
  </si>
  <si>
    <t>警告代码</t>
    <phoneticPr fontId="6" type="noConversion"/>
  </si>
  <si>
    <t>可自由互联</t>
    <phoneticPr fontId="1" type="noConversion"/>
  </si>
  <si>
    <t>FREE_CONNECTED_Transmit</t>
    <phoneticPr fontId="6" type="noConversion"/>
  </si>
  <si>
    <t>Free Connected_Transmit</t>
    <phoneticPr fontId="6" type="noConversion"/>
  </si>
  <si>
    <t>控制字1</t>
    <phoneticPr fontId="6" type="noConversion"/>
  </si>
  <si>
    <t>STW1_Bit0</t>
    <phoneticPr fontId="6" type="noConversion"/>
  </si>
  <si>
    <t>轴的运行命令/变频器启动</t>
    <phoneticPr fontId="6" type="noConversion"/>
  </si>
  <si>
    <t>STW1_Bit1</t>
    <phoneticPr fontId="6" type="noConversion"/>
  </si>
  <si>
    <t>"无滑行下降"命令</t>
    <phoneticPr fontId="6" type="noConversion"/>
  </si>
  <si>
    <t>STW1_Bit2</t>
  </si>
  <si>
    <t>"无快速停止"命令</t>
    <phoneticPr fontId="6" type="noConversion"/>
  </si>
  <si>
    <t>STW1_Bit3</t>
  </si>
  <si>
    <t>运行使能（脉冲使能与封锁）</t>
    <phoneticPr fontId="6" type="noConversion"/>
  </si>
  <si>
    <t>STW1_Bit4</t>
    <phoneticPr fontId="1" type="noConversion"/>
  </si>
  <si>
    <t>停止任务 1：不激活 0：激活</t>
    <phoneticPr fontId="6" type="noConversion"/>
  </si>
  <si>
    <t>STW1_Bit5</t>
    <phoneticPr fontId="1" type="noConversion"/>
  </si>
  <si>
    <t>停止命令 1：不激活 0：激活</t>
    <phoneticPr fontId="6" type="noConversion"/>
  </si>
  <si>
    <t>STW1_Bit6</t>
    <phoneticPr fontId="1" type="noConversion"/>
  </si>
  <si>
    <t>激活程序步任务</t>
    <phoneticPr fontId="6" type="noConversion"/>
  </si>
  <si>
    <t>STW1_Bit7</t>
  </si>
  <si>
    <t>STW1_Bit8</t>
  </si>
  <si>
    <t>点动1命令</t>
    <phoneticPr fontId="6" type="noConversion"/>
  </si>
  <si>
    <t>STW1_Bit9</t>
  </si>
  <si>
    <t>点动2命令</t>
  </si>
  <si>
    <t>STW1_Bit10</t>
  </si>
  <si>
    <t>通过PLC控制驱动器</t>
    <phoneticPr fontId="6" type="noConversion"/>
  </si>
  <si>
    <t>STW1_Bit11</t>
  </si>
  <si>
    <t>启动回参考点命令</t>
    <phoneticPr fontId="6" type="noConversion"/>
  </si>
  <si>
    <t>STW1_Bit12</t>
  </si>
  <si>
    <t>STW1_Bit13</t>
  </si>
  <si>
    <t>外部块变化</t>
    <phoneticPr fontId="6" type="noConversion"/>
  </si>
  <si>
    <t>STW1_Bit14</t>
  </si>
  <si>
    <t>STW1_Bit15</t>
  </si>
  <si>
    <t>Reserved</t>
    <phoneticPr fontId="1" type="noConversion"/>
  </si>
  <si>
    <t>基本定位器的控制字1</t>
    <phoneticPr fontId="1" type="noConversion"/>
  </si>
  <si>
    <t>POS_STW1_Bit0</t>
    <phoneticPr fontId="6" type="noConversion"/>
  </si>
  <si>
    <t>选择程序步 bit0</t>
    <phoneticPr fontId="6" type="noConversion"/>
  </si>
  <si>
    <t>POS_STW1_Bit1</t>
  </si>
  <si>
    <t>选择程序步 bit1</t>
    <phoneticPr fontId="6" type="noConversion"/>
  </si>
  <si>
    <t>POS_STW1_Bit2</t>
  </si>
  <si>
    <t>POS_STW1_Bit3</t>
  </si>
  <si>
    <t>POS_STW1_Bit4</t>
  </si>
  <si>
    <t>POS_STW1_Bit5</t>
  </si>
  <si>
    <t>POS_STW1_Bit6</t>
  </si>
  <si>
    <t>POS_STW1_Bit7</t>
  </si>
  <si>
    <t>POS_STW1_Bit8</t>
  </si>
  <si>
    <t>直接数据输入/MDI_定位模式 1：绝对位置 0：相对位置</t>
    <phoneticPr fontId="6" type="noConversion"/>
  </si>
  <si>
    <t>POS_STW1_Bit9</t>
  </si>
  <si>
    <t>POS_STW1_Bit10</t>
  </si>
  <si>
    <t>直接数据输入/MDI_方向选择 反向</t>
    <phoneticPr fontId="6" type="noConversion"/>
  </si>
  <si>
    <t>POS_STW1_Bit11</t>
  </si>
  <si>
    <t>POS_STW1_Bit12</t>
  </si>
  <si>
    <t>直接数据输入/MDI_数据传输方式 1：连续 0：单步</t>
    <phoneticPr fontId="6" type="noConversion"/>
  </si>
  <si>
    <t>POS_STW1_Bit13</t>
  </si>
  <si>
    <t>POS_STW1_Bit14</t>
  </si>
  <si>
    <t>直接数据输入/MDI_设置选择 1：速度模式 0:位置模式</t>
    <phoneticPr fontId="6" type="noConversion"/>
  </si>
  <si>
    <t>POS_STW1_Bit15</t>
  </si>
  <si>
    <t>直接数据输入/MDI_选择（激活MDI功能）</t>
    <phoneticPr fontId="6" type="noConversion"/>
  </si>
  <si>
    <t>POS_STW2</t>
    <phoneticPr fontId="6" type="noConversion"/>
  </si>
  <si>
    <t>基本定位器的控制字2</t>
    <phoneticPr fontId="1" type="noConversion"/>
  </si>
  <si>
    <t>POS_STW2_Bit0</t>
  </si>
  <si>
    <t>激活程序步模式</t>
    <phoneticPr fontId="6" type="noConversion"/>
  </si>
  <si>
    <t>POS_STW2_Bit1</t>
  </si>
  <si>
    <t>激活轴的“设置参考点”命令，将当前位置设置成零位。</t>
    <phoneticPr fontId="6" type="noConversion"/>
  </si>
  <si>
    <t>POS_STW2_Bit2</t>
  </si>
  <si>
    <t>搜索参考点接近开关</t>
    <phoneticPr fontId="6" type="noConversion"/>
  </si>
  <si>
    <t>POS_STW2_Bit3</t>
  </si>
  <si>
    <t>POS_STW2_Bit4</t>
  </si>
  <si>
    <t>POS_STW2_Bit5</t>
  </si>
  <si>
    <t>POS_STW2_Bit6</t>
  </si>
  <si>
    <t>POS_STW2_Bit7</t>
  </si>
  <si>
    <t>POS_STW2_Bit8</t>
  </si>
  <si>
    <t>POS_STW2_Bit9</t>
  </si>
  <si>
    <t>POS_STW2_Bit10</t>
  </si>
  <si>
    <t>选择测量探头的评估，闭环位置控制</t>
    <phoneticPr fontId="6" type="noConversion"/>
  </si>
  <si>
    <t>POS_STW2_Bit11</t>
  </si>
  <si>
    <t>测量探头评价优势，闭环位置控制</t>
    <phoneticPr fontId="6" type="noConversion"/>
  </si>
  <si>
    <t>POS_STW2_Bit12</t>
  </si>
  <si>
    <t>POS_STW2_Bit13</t>
  </si>
  <si>
    <t>POS_STW2_Bit14</t>
  </si>
  <si>
    <t>激活软限位</t>
    <phoneticPr fontId="6" type="noConversion"/>
  </si>
  <si>
    <t>POS_STW2_Bit15</t>
    <phoneticPr fontId="1" type="noConversion"/>
  </si>
  <si>
    <t>激活硬限位</t>
    <phoneticPr fontId="6" type="noConversion"/>
  </si>
  <si>
    <t>STW2</t>
    <phoneticPr fontId="6" type="noConversion"/>
  </si>
  <si>
    <t>控制字2</t>
    <phoneticPr fontId="6" type="noConversion"/>
  </si>
  <si>
    <t>STW2_Bit0</t>
  </si>
  <si>
    <t>驱动数据设置 bit 0</t>
    <phoneticPr fontId="6" type="noConversion"/>
  </si>
  <si>
    <t>STW2_Bit1</t>
  </si>
  <si>
    <t>驱动数据设置 bit 1</t>
  </si>
  <si>
    <t>STW2_Bit2</t>
  </si>
  <si>
    <t>驱动数据设置 bit 2</t>
  </si>
  <si>
    <t>STW2_Bit3</t>
  </si>
  <si>
    <t>驱动数据设置 bit 3</t>
  </si>
  <si>
    <t>STW2_Bit4</t>
  </si>
  <si>
    <t>驱动数据设置 bit 4</t>
  </si>
  <si>
    <t>STW2_Bit5</t>
  </si>
  <si>
    <t>STW2_Bit6</t>
  </si>
  <si>
    <t>STW2_Bit7</t>
  </si>
  <si>
    <t>轴停车命令</t>
    <phoneticPr fontId="6" type="noConversion"/>
  </si>
  <si>
    <t>STW2_Bit8</t>
  </si>
  <si>
    <t>STW2_Bit9</t>
  </si>
  <si>
    <t>STW2_Bit10</t>
  </si>
  <si>
    <t>STW2_Bit11</t>
  </si>
  <si>
    <t>电动机转换反馈信号</t>
    <phoneticPr fontId="6" type="noConversion"/>
  </si>
  <si>
    <t>STW2_Bit12</t>
  </si>
  <si>
    <t>STW2_Bit13</t>
  </si>
  <si>
    <t>STW2_Bit14</t>
  </si>
  <si>
    <t>STW2_Bit15</t>
  </si>
  <si>
    <t>转速设定值</t>
    <phoneticPr fontId="1" type="noConversion"/>
  </si>
  <si>
    <t>速率极限值</t>
    <phoneticPr fontId="6" type="noConversion"/>
  </si>
  <si>
    <t>MDI_TARPOS</t>
    <phoneticPr fontId="6" type="noConversion"/>
  </si>
  <si>
    <t>设定值直接给定/MDI的位置设定值</t>
    <phoneticPr fontId="1" type="noConversion"/>
  </si>
  <si>
    <t>双字：MDI 位置值 (单位：LU)</t>
    <phoneticPr fontId="6" type="noConversion"/>
  </si>
  <si>
    <t>MDI_VELOCITY</t>
    <phoneticPr fontId="1" type="noConversion"/>
  </si>
  <si>
    <t>MDI 速度</t>
    <phoneticPr fontId="1" type="noConversion"/>
  </si>
  <si>
    <t>双字：MDI 速度给定（单位：1000LU/min）</t>
    <phoneticPr fontId="6" type="noConversion"/>
  </si>
  <si>
    <t>MDI_ACC</t>
    <phoneticPr fontId="1" type="noConversion"/>
  </si>
  <si>
    <t>MDI 加速度</t>
    <phoneticPr fontId="1" type="noConversion"/>
  </si>
  <si>
    <t>MDI 加速度(4000H 对应100%)</t>
    <phoneticPr fontId="6" type="noConversion"/>
  </si>
  <si>
    <t>MDI_DEC</t>
    <phoneticPr fontId="1" type="noConversion"/>
  </si>
  <si>
    <t>MDI 减速度</t>
    <phoneticPr fontId="1" type="noConversion"/>
  </si>
  <si>
    <t>MDI 减速度(4000H 对应100%)</t>
    <phoneticPr fontId="6" type="noConversion"/>
  </si>
  <si>
    <t>FREE_CONNECTED_Receive</t>
    <phoneticPr fontId="6" type="noConversion"/>
  </si>
  <si>
    <t>自由连接_接收</t>
    <phoneticPr fontId="6" type="noConversion"/>
  </si>
  <si>
    <t>Free Connected_Receive</t>
    <phoneticPr fontId="6" type="noConversion"/>
  </si>
  <si>
    <t>运行极限点（到达极限点，p2613/p2614=0，轴反转；都为0则停止）</t>
    <phoneticPr fontId="6" type="noConversion"/>
  </si>
  <si>
    <t>BI: EPOS search for reference reversing cam minus</t>
  </si>
  <si>
    <t>BI: EPOS search for reference reversing cam plus</t>
  </si>
  <si>
    <t>注释</t>
    <phoneticPr fontId="6" type="noConversion"/>
  </si>
  <si>
    <t>中文翻译</t>
    <phoneticPr fontId="6" type="noConversion"/>
  </si>
  <si>
    <t>"快速停止"未激活</t>
    <phoneticPr fontId="6" type="noConversion"/>
  </si>
  <si>
    <t>"滑行下降"未激活</t>
    <phoneticPr fontId="6" type="noConversion"/>
  </si>
  <si>
    <t>下面的报警在允许范围内（3级报警）</t>
    <phoneticPr fontId="6" type="noConversion"/>
  </si>
  <si>
    <t>报警存在（1级报警）</t>
    <phoneticPr fontId="6" type="noConversion"/>
  </si>
  <si>
    <t>ZSW</t>
    <phoneticPr fontId="6" type="noConversion"/>
  </si>
  <si>
    <t>STW</t>
    <phoneticPr fontId="6" type="noConversion"/>
  </si>
  <si>
    <r>
      <t>Ready for switch on</t>
    </r>
    <r>
      <rPr>
        <sz val="8"/>
        <color rgb="FFFF0000"/>
        <rFont val="Calibri"/>
        <family val="3"/>
        <charset val="134"/>
        <scheme val="minor"/>
      </rPr>
      <t>(1=Yes / 0=No)</t>
    </r>
    <phoneticPr fontId="6" type="noConversion"/>
  </si>
  <si>
    <r>
      <t>Ready for operation</t>
    </r>
    <r>
      <rPr>
        <sz val="8"/>
        <color rgb="FFFF0000"/>
        <rFont val="Calibri"/>
        <family val="3"/>
        <charset val="134"/>
        <scheme val="minor"/>
      </rPr>
      <t>(1=Yes / 0=No)</t>
    </r>
    <phoneticPr fontId="6" type="noConversion"/>
  </si>
  <si>
    <r>
      <t>Operation enabled</t>
    </r>
    <r>
      <rPr>
        <sz val="8"/>
        <color rgb="FFFF0000"/>
        <rFont val="Calibri"/>
        <family val="3"/>
        <charset val="134"/>
        <scheme val="minor"/>
      </rPr>
      <t>(1=Yes / 0=No)</t>
    </r>
    <phoneticPr fontId="6" type="noConversion"/>
  </si>
  <si>
    <r>
      <t>Fault present</t>
    </r>
    <r>
      <rPr>
        <sz val="8"/>
        <color rgb="FFFF0000"/>
        <rFont val="Calibri"/>
        <family val="3"/>
        <charset val="134"/>
        <scheme val="minor"/>
      </rPr>
      <t>(1=Yes / 0=No)</t>
    </r>
    <phoneticPr fontId="6" type="noConversion"/>
  </si>
  <si>
    <r>
      <t>No coasting down active</t>
    </r>
    <r>
      <rPr>
        <sz val="8"/>
        <color rgb="FFFF0000"/>
        <rFont val="Calibri"/>
        <family val="3"/>
        <charset val="134"/>
        <scheme val="minor"/>
      </rPr>
      <t>(1=OFF2 inactive / 0=OFF2 active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No Quick Stop active</t>
    </r>
    <r>
      <rPr>
        <sz val="8"/>
        <color rgb="FFFF0000"/>
        <rFont val="Calibri"/>
        <family val="3"/>
        <charset val="134"/>
        <scheme val="minor"/>
      </rPr>
      <t>(1=OFF3 inactive / 0=OFF3 active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Switching on inhibited active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Alarm present</t>
    </r>
    <r>
      <rPr>
        <sz val="8"/>
        <color rgb="FFFF0000"/>
        <rFont val="Calibri"/>
        <family val="3"/>
        <charset val="134"/>
        <scheme val="minor"/>
      </rPr>
      <t>(1=Yes / 0=No)</t>
    </r>
    <phoneticPr fontId="6" type="noConversion"/>
  </si>
  <si>
    <r>
      <t>Following error in tolerance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Control requeset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Target Position reached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Reference point set</t>
    </r>
    <r>
      <rPr>
        <sz val="8"/>
        <color rgb="FFFF0000"/>
        <rFont val="Calibri"/>
        <family val="3"/>
        <charset val="134"/>
        <scheme val="minor"/>
      </rPr>
      <t>(1=Yes / 0=No),p2080[11]</t>
    </r>
    <phoneticPr fontId="6" type="noConversion"/>
  </si>
  <si>
    <r>
      <t>Acknowledgement traversing block activated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|n_act| &lt; speed threshold value 3</t>
    </r>
    <r>
      <rPr>
        <sz val="8"/>
        <color rgb="FFFF0000"/>
        <rFont val="Calibri"/>
        <family val="3"/>
        <charset val="134"/>
        <scheme val="minor"/>
      </rPr>
      <t>(1=Yes / 0=No),p2080[13]</t>
    </r>
    <phoneticPr fontId="6" type="noConversion"/>
  </si>
  <si>
    <r>
      <t>Axis accelerating</t>
    </r>
    <r>
      <rPr>
        <sz val="8"/>
        <color rgb="FFFF0000"/>
        <rFont val="Calibri"/>
        <family val="3"/>
        <charset val="134"/>
        <scheme val="minor"/>
      </rPr>
      <t>(1=Yes / 0=No),p2080[14]</t>
    </r>
    <phoneticPr fontId="6" type="noConversion"/>
  </si>
  <si>
    <r>
      <t>Axis decelerating</t>
    </r>
    <r>
      <rPr>
        <sz val="8"/>
        <color rgb="FFFF0000"/>
        <rFont val="Calibri"/>
        <family val="3"/>
        <charset val="134"/>
        <scheme val="minor"/>
      </rPr>
      <t>(1=Yes / 0=No),p2080[15]</t>
    </r>
    <phoneticPr fontId="6" type="noConversion"/>
  </si>
  <si>
    <r>
      <t>Active traversing block bit 0</t>
    </r>
    <r>
      <rPr>
        <sz val="8"/>
        <color rgb="FFFF0000"/>
        <rFont val="Calibri"/>
        <family val="3"/>
        <charset val="134"/>
        <scheme val="minor"/>
      </rPr>
      <t>(1=Active / 0=Not active)</t>
    </r>
    <phoneticPr fontId="6" type="noConversion"/>
  </si>
  <si>
    <r>
      <t>Active traversing block bit 1</t>
    </r>
    <r>
      <rPr>
        <sz val="8"/>
        <color rgb="FFFF0000"/>
        <rFont val="Calibri"/>
        <family val="3"/>
        <charset val="134"/>
        <scheme val="minor"/>
      </rPr>
      <t>(1=Active / 0=Not active)</t>
    </r>
    <phoneticPr fontId="6" type="noConversion"/>
  </si>
  <si>
    <r>
      <t>Active traversing block bit 2</t>
    </r>
    <r>
      <rPr>
        <sz val="8"/>
        <color rgb="FFFF0000"/>
        <rFont val="Calibri"/>
        <family val="3"/>
        <charset val="134"/>
        <scheme val="minor"/>
      </rPr>
      <t>(1=Active / 1=Not active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Active traversing block bit 3</t>
    </r>
    <r>
      <rPr>
        <sz val="8"/>
        <color rgb="FFFF0000"/>
        <rFont val="Calibri"/>
        <family val="3"/>
        <charset val="134"/>
        <scheme val="minor"/>
      </rPr>
      <t>(1=Active / 1=Not active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Active traversing block bit 4</t>
    </r>
    <r>
      <rPr>
        <sz val="8"/>
        <color rgb="FFFF0000"/>
        <rFont val="Calibri"/>
        <family val="3"/>
        <charset val="134"/>
        <scheme val="minor"/>
      </rPr>
      <t>(1=Active / 0=Not active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Active traversing block bit 5</t>
    </r>
    <r>
      <rPr>
        <sz val="8"/>
        <color rgb="FFFF0000"/>
        <rFont val="Calibri"/>
        <family val="3"/>
        <charset val="134"/>
        <scheme val="minor"/>
      </rPr>
      <t>(1=Active / 0=Not active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STOP cam minus active</t>
    </r>
    <r>
      <rPr>
        <sz val="8"/>
        <color rgb="FFFF0000"/>
        <rFont val="Calibri"/>
        <family val="3"/>
        <charset val="134"/>
        <scheme val="minor"/>
      </rPr>
      <t>(1=Yes / 0=No),p2083[8]</t>
    </r>
    <phoneticPr fontId="6" type="noConversion"/>
  </si>
  <si>
    <r>
      <t>STOP cam plus active</t>
    </r>
    <r>
      <rPr>
        <sz val="8"/>
        <color rgb="FFFF0000"/>
        <rFont val="Calibri"/>
        <family val="3"/>
        <charset val="134"/>
        <scheme val="minor"/>
      </rPr>
      <t>(1=Yes / 0=No),p2083[9]</t>
    </r>
    <phoneticPr fontId="6" type="noConversion"/>
  </si>
  <si>
    <r>
      <t>Jog active</t>
    </r>
    <r>
      <rPr>
        <sz val="8"/>
        <color rgb="FFFF0000"/>
        <rFont val="Calibri"/>
        <family val="3"/>
        <charset val="134"/>
        <scheme val="minor"/>
      </rPr>
      <t>(1=On / 0=Off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Homing procedure active</t>
    </r>
    <r>
      <rPr>
        <sz val="8"/>
        <color rgb="FFFF0000"/>
        <rFont val="Calibri"/>
        <family val="3"/>
        <charset val="134"/>
        <scheme val="minor"/>
      </rPr>
      <t>(1=On / 0=Off)</t>
    </r>
    <phoneticPr fontId="6" type="noConversion"/>
  </si>
  <si>
    <r>
      <t>Fiying referencing active</t>
    </r>
    <r>
      <rPr>
        <sz val="8"/>
        <color rgb="FFFF0000"/>
        <rFont val="Calibri"/>
        <family val="3"/>
        <charset val="134"/>
        <scheme val="minor"/>
      </rPr>
      <t>(1=Active / 0=Not active),p2083[12]</t>
    </r>
    <phoneticPr fontId="6" type="noConversion"/>
  </si>
  <si>
    <r>
      <t>Traversing block active</t>
    </r>
    <r>
      <rPr>
        <sz val="8"/>
        <color rgb="FFFF0000"/>
        <rFont val="Calibri"/>
        <family val="3"/>
        <charset val="134"/>
        <scheme val="minor"/>
      </rPr>
      <t>(1=On / 0=Off)</t>
    </r>
    <phoneticPr fontId="6" type="noConversion"/>
  </si>
  <si>
    <r>
      <t>Setup active</t>
    </r>
    <r>
      <rPr>
        <sz val="8"/>
        <color rgb="FFFF0000"/>
        <rFont val="Calibri"/>
        <family val="3"/>
        <charset val="134"/>
        <scheme val="minor"/>
      </rPr>
      <t>(1=On / 0=Off)</t>
    </r>
    <phoneticPr fontId="6" type="noConversion"/>
  </si>
  <si>
    <r>
      <t>MDI active</t>
    </r>
    <r>
      <rPr>
        <sz val="8"/>
        <color rgb="FFFF0000"/>
        <rFont val="Calibri"/>
        <family val="3"/>
        <charset val="134"/>
        <scheme val="minor"/>
      </rPr>
      <t>(1=Active / 0=Not active)</t>
    </r>
    <phoneticPr fontId="6" type="noConversion"/>
  </si>
  <si>
    <r>
      <t>Tracking mode active</t>
    </r>
    <r>
      <rPr>
        <sz val="8"/>
        <color rgb="FFFF0000"/>
        <rFont val="Calibri"/>
        <family val="3"/>
        <charset val="134"/>
        <scheme val="minor"/>
      </rPr>
      <t>(1=Yes / 0=No),p2084[0]</t>
    </r>
    <phoneticPr fontId="6" type="noConversion"/>
  </si>
  <si>
    <r>
      <t>Velocity limiting active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Setpoint fixed</t>
    </r>
    <r>
      <rPr>
        <sz val="8"/>
        <color rgb="FFFF0000"/>
        <rFont val="Calibri"/>
        <family val="3"/>
        <charset val="134"/>
        <scheme val="minor"/>
      </rPr>
      <t>(1=Yes / 0=No),p2084[1]</t>
    </r>
    <phoneticPr fontId="6" type="noConversion"/>
  </si>
  <si>
    <r>
      <t>Printing mark outside outer window</t>
    </r>
    <r>
      <rPr>
        <sz val="8"/>
        <color rgb="FFFF0000"/>
        <rFont val="Calibri"/>
        <family val="3"/>
        <charset val="134"/>
        <scheme val="minor"/>
      </rPr>
      <t>(1=Yes / 0=No),p2084[3]</t>
    </r>
    <phoneticPr fontId="6" type="noConversion"/>
  </si>
  <si>
    <r>
      <t>Axis moves forward</t>
    </r>
    <r>
      <rPr>
        <sz val="8"/>
        <color rgb="FFFF0000"/>
        <rFont val="Calibri"/>
        <family val="3"/>
        <charset val="134"/>
        <scheme val="minor"/>
      </rPr>
      <t>(1=Yes / 0=No),p2084[4]</t>
    </r>
    <phoneticPr fontId="6" type="noConversion"/>
  </si>
  <si>
    <r>
      <t>Axis moves backward</t>
    </r>
    <r>
      <rPr>
        <sz val="8"/>
        <color rgb="FFFF0000"/>
        <rFont val="Calibri"/>
        <family val="3"/>
        <charset val="134"/>
        <scheme val="minor"/>
      </rPr>
      <t>(1=Yes / 0=No),p2084[5]</t>
    </r>
    <phoneticPr fontId="6" type="noConversion"/>
  </si>
  <si>
    <r>
      <t>Software limit switch minus Reached</t>
    </r>
    <r>
      <rPr>
        <sz val="8"/>
        <color rgb="FFFF0000"/>
        <rFont val="Calibri"/>
        <family val="3"/>
        <charset val="134"/>
        <scheme val="minor"/>
      </rPr>
      <t>(1=Yes / 0=No),p2084[6]</t>
    </r>
    <phoneticPr fontId="6" type="noConversion"/>
  </si>
  <si>
    <r>
      <t>Software limit switch plus Reached</t>
    </r>
    <r>
      <rPr>
        <sz val="8"/>
        <color rgb="FFFF0000"/>
        <rFont val="Calibri"/>
        <family val="3"/>
        <charset val="134"/>
        <scheme val="minor"/>
      </rPr>
      <t>(1=Yes / 0=No),p2084[7]</t>
    </r>
    <phoneticPr fontId="6" type="noConversion"/>
  </si>
  <si>
    <r>
      <t>Position actual value &lt;= cam switching Position 1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Position actual value &lt;= cam switching Position 2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Direct output 1 via the traversing block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Direct output 2 via the traversing block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Fixed stop Reached</t>
    </r>
    <r>
      <rPr>
        <sz val="8"/>
        <color rgb="FFFF0000"/>
        <rFont val="Calibri"/>
        <family val="3"/>
        <charset val="134"/>
        <scheme val="minor"/>
      </rPr>
      <t>(1=Yes / 0=No),r2526.4</t>
    </r>
    <phoneticPr fontId="6" type="noConversion"/>
  </si>
  <si>
    <r>
      <t>Fixed stop clamping torque Reached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Travel to Fixed stop active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Travel command active</t>
    </r>
    <r>
      <rPr>
        <sz val="8"/>
        <color rgb="FFFF0000"/>
        <rFont val="Calibri"/>
        <family val="3"/>
        <charset val="134"/>
        <scheme val="minor"/>
      </rPr>
      <t>(1=Yes / 0=No),p2084[15]</t>
    </r>
    <phoneticPr fontId="6" type="noConversion"/>
  </si>
  <si>
    <r>
      <t>DDS effective bit 0</t>
    </r>
    <r>
      <rPr>
        <sz val="8"/>
        <color rgb="FFFF0000"/>
        <rFont val="Calibri"/>
        <family val="3"/>
        <charset val="134"/>
        <scheme val="minor"/>
      </rPr>
      <t>(1=On / 0=Off)</t>
    </r>
    <phoneticPr fontId="6" type="noConversion"/>
  </si>
  <si>
    <r>
      <t>DDS effective bit 1</t>
    </r>
    <r>
      <rPr>
        <sz val="8"/>
        <color rgb="FFFF0000"/>
        <rFont val="Calibri"/>
        <family val="3"/>
        <charset val="134"/>
        <scheme val="minor"/>
      </rPr>
      <t>(1=On / 0=Off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DDS effective bit 2</t>
    </r>
    <r>
      <rPr>
        <sz val="8"/>
        <color rgb="FFFF0000"/>
        <rFont val="Calibri"/>
        <family val="3"/>
        <charset val="134"/>
        <scheme val="minor"/>
      </rPr>
      <t>(1=On / 0=Off)</t>
    </r>
    <phoneticPr fontId="6" type="noConversion"/>
  </si>
  <si>
    <r>
      <t>DDS effective bit 3</t>
    </r>
    <r>
      <rPr>
        <sz val="8"/>
        <color rgb="FFFF0000"/>
        <rFont val="Calibri"/>
        <family val="3"/>
        <charset val="134"/>
        <scheme val="minor"/>
      </rPr>
      <t>(1=On / 0=Off)</t>
    </r>
    <phoneticPr fontId="6" type="noConversion"/>
  </si>
  <si>
    <r>
      <t>DDS effective bit 4</t>
    </r>
    <r>
      <rPr>
        <sz val="8"/>
        <color rgb="FFFF0000"/>
        <rFont val="Calibri"/>
        <family val="3"/>
        <charset val="134"/>
        <scheme val="minor"/>
      </rPr>
      <t>(1=On / 0=Off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Alarm class bit 0</t>
    </r>
    <r>
      <rPr>
        <sz val="8"/>
        <color rgb="FFFF0000"/>
        <rFont val="Calibri"/>
        <family val="3"/>
        <charset val="134"/>
        <scheme val="minor"/>
      </rPr>
      <t>(1=High / 0=Low)</t>
    </r>
    <phoneticPr fontId="6" type="noConversion"/>
  </si>
  <si>
    <r>
      <t>Alarm class bit 0</t>
    </r>
    <r>
      <rPr>
        <sz val="8"/>
        <color rgb="FFFF0000"/>
        <rFont val="Calibri"/>
        <family val="3"/>
        <charset val="134"/>
        <scheme val="minor"/>
      </rPr>
      <t>(1=High / 1=Low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Parking axis active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Travel to fixed stop active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Pulses enabled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Motor changeover active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Slave sign-of-life bit 0</t>
    </r>
    <r>
      <rPr>
        <sz val="8"/>
        <color rgb="FFFF0000"/>
        <rFont val="Calibri"/>
        <family val="3"/>
        <charset val="134"/>
        <scheme val="minor"/>
      </rPr>
      <t>(1=On / 0=Off)</t>
    </r>
    <phoneticPr fontId="6" type="noConversion"/>
  </si>
  <si>
    <r>
      <t>Slave sign-of-life bit 1</t>
    </r>
    <r>
      <rPr>
        <sz val="8"/>
        <color rgb="FFFF0000"/>
        <rFont val="Calibri"/>
        <family val="3"/>
        <charset val="134"/>
        <scheme val="minor"/>
      </rPr>
      <t>(1=On / 0=Off)</t>
    </r>
    <phoneticPr fontId="6" type="noConversion"/>
  </si>
  <si>
    <r>
      <t>Slave sign-of-life bit 2</t>
    </r>
    <r>
      <rPr>
        <sz val="8"/>
        <color rgb="FFFF0000"/>
        <rFont val="Calibri"/>
        <family val="3"/>
        <charset val="134"/>
        <scheme val="minor"/>
      </rPr>
      <t>(1=On / 0=Off)</t>
    </r>
    <phoneticPr fontId="6" type="noConversion"/>
  </si>
  <si>
    <r>
      <t>Slave sign-of-life bit 3</t>
    </r>
    <r>
      <rPr>
        <sz val="8"/>
        <color rgb="FFFF0000"/>
        <rFont val="Calibri"/>
        <family val="3"/>
        <charset val="134"/>
        <scheme val="minor"/>
      </rPr>
      <t>(1=On / 0=Off)</t>
    </r>
    <phoneticPr fontId="6" type="noConversion"/>
  </si>
  <si>
    <r>
      <t>Ramp-up/ramp-down completed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Torque utilization &lt; torque threshold value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|n_act| &lt; speed threshold value 3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|n_act| &lt; speed threshold value 2 p2155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Vdc_min controller active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Variable signaling function output signal</t>
    </r>
    <r>
      <rPr>
        <sz val="8"/>
        <color rgb="FFFF0000"/>
        <rFont val="Calibri"/>
        <family val="3"/>
        <charset val="134"/>
        <scheme val="minor"/>
      </rPr>
      <t>(1=On / 0=Off)</t>
    </r>
    <phoneticPr fontId="6" type="noConversion"/>
  </si>
  <si>
    <r>
      <t>Alarm motor overtemperature</t>
    </r>
    <r>
      <rPr>
        <sz val="8"/>
        <color rgb="FFFF0000"/>
        <rFont val="Calibri"/>
        <family val="3"/>
        <charset val="134"/>
        <scheme val="minor"/>
      </rPr>
      <t>(1=No / 0=Yes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Alarm power unit thermal overload</t>
    </r>
    <r>
      <rPr>
        <sz val="8"/>
        <color rgb="FFFF0000"/>
        <rFont val="Calibri"/>
        <family val="3"/>
        <charset val="134"/>
        <scheme val="minor"/>
      </rPr>
      <t>(1=No / 0=Yes)</t>
    </r>
    <phoneticPr fontId="6" type="noConversion"/>
  </si>
  <si>
    <r>
      <t>Speed setp-act val deviation in tolerance t_on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Controller enable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Drive ready</t>
    </r>
    <r>
      <rPr>
        <sz val="8"/>
        <color rgb="FFFF0000"/>
        <rFont val="Calibri"/>
        <family val="3"/>
        <charset val="134"/>
        <scheme val="minor"/>
      </rPr>
      <t>(1=Yes / 0=No)</t>
    </r>
    <r>
      <rPr>
        <sz val="11"/>
        <color theme="1"/>
        <rFont val="Calibri"/>
        <family val="2"/>
        <charset val="134"/>
        <scheme val="minor"/>
      </rPr>
      <t/>
    </r>
    <phoneticPr fontId="6" type="noConversion"/>
  </si>
  <si>
    <r>
      <t>Receive（PLC</t>
    </r>
    <r>
      <rPr>
        <b/>
        <sz val="8"/>
        <color rgb="FFFF0000"/>
        <rFont val="宋体"/>
        <family val="3"/>
        <charset val="134"/>
      </rPr>
      <t>→</t>
    </r>
    <r>
      <rPr>
        <b/>
        <sz val="8"/>
        <color rgb="FFFF0000"/>
        <rFont val="Calibri"/>
        <family val="3"/>
        <charset val="134"/>
        <scheme val="minor"/>
      </rPr>
      <t>驱动器）</t>
    </r>
    <phoneticPr fontId="1" type="noConversion"/>
  </si>
  <si>
    <r>
      <t>ON/OFF(OFF1)</t>
    </r>
    <r>
      <rPr>
        <sz val="8"/>
        <color rgb="FFFF0000"/>
        <rFont val="Calibri"/>
        <family val="3"/>
        <charset val="134"/>
        <scheme val="minor"/>
      </rPr>
      <t>(1=On / 0=Off):p0840=r2090.0</t>
    </r>
    <phoneticPr fontId="6" type="noConversion"/>
  </si>
  <si>
    <r>
      <t>No coast-down/coast-down(OFF2)signal source</t>
    </r>
    <r>
      <rPr>
        <sz val="8"/>
        <color rgb="FFFF0000"/>
        <rFont val="Calibri"/>
        <family val="3"/>
        <charset val="134"/>
        <scheme val="minor"/>
      </rPr>
      <t>(1=On / 0=Off):p0844=r2090.1</t>
    </r>
    <phoneticPr fontId="6" type="noConversion"/>
  </si>
  <si>
    <r>
      <t>No Quick Stop/Quick Stop(OFF3)signal source</t>
    </r>
    <r>
      <rPr>
        <sz val="8"/>
        <color rgb="FFFF0000"/>
        <rFont val="Calibri"/>
        <family val="3"/>
        <charset val="134"/>
        <scheme val="minor"/>
      </rPr>
      <t>(1=On / 0=Off):p0848=r2090.2</t>
    </r>
    <phoneticPr fontId="6" type="noConversion"/>
  </si>
  <si>
    <r>
      <t>Enable operation/inhibit operation</t>
    </r>
    <r>
      <rPr>
        <sz val="8"/>
        <color rgb="FFFF0000"/>
        <rFont val="Calibri"/>
        <family val="3"/>
        <charset val="134"/>
        <scheme val="minor"/>
      </rPr>
      <t>(1=On / 0=Off):p0852=r2090.3</t>
    </r>
    <phoneticPr fontId="6" type="noConversion"/>
  </si>
  <si>
    <r>
      <t>EPOS reject traversing task</t>
    </r>
    <r>
      <rPr>
        <sz val="8"/>
        <color rgb="FF0070C0"/>
        <rFont val="Calibri"/>
        <family val="3"/>
        <charset val="134"/>
        <scheme val="minor"/>
      </rPr>
      <t>(0 singal)</t>
    </r>
    <r>
      <rPr>
        <sz val="8"/>
        <color rgb="FFFF0000"/>
        <rFont val="Calibri"/>
        <family val="3"/>
        <charset val="134"/>
        <scheme val="minor"/>
      </rPr>
      <t>(1=On / 0=Off):p2641=r2090.4</t>
    </r>
    <phoneticPr fontId="6" type="noConversion"/>
  </si>
  <si>
    <r>
      <t>EPOS intermediate stop</t>
    </r>
    <r>
      <rPr>
        <sz val="8"/>
        <color rgb="FF0070C0"/>
        <rFont val="Calibri"/>
        <family val="3"/>
        <charset val="134"/>
        <scheme val="minor"/>
      </rPr>
      <t>(0 singal)</t>
    </r>
    <r>
      <rPr>
        <sz val="8"/>
        <color rgb="FFFF0000"/>
        <rFont val="Calibri"/>
        <family val="3"/>
        <charset val="134"/>
        <scheme val="minor"/>
      </rPr>
      <t>(1=On / 0=Off):p2640=r2090.5</t>
    </r>
    <phoneticPr fontId="6" type="noConversion"/>
  </si>
  <si>
    <r>
      <t>EPOS activate traversing task</t>
    </r>
    <r>
      <rPr>
        <sz val="8"/>
        <color rgb="FF0070C0"/>
        <rFont val="Calibri"/>
        <family val="3"/>
        <charset val="134"/>
        <scheme val="minor"/>
      </rPr>
      <t>(0→1)</t>
    </r>
    <r>
      <rPr>
        <sz val="8"/>
        <color rgb="FFFF0000"/>
        <rFont val="Calibri"/>
        <family val="3"/>
        <charset val="134"/>
        <scheme val="minor"/>
      </rPr>
      <t>(1=On / 0=Off):r2090.6,setpoint acceptance edge</t>
    </r>
    <phoneticPr fontId="6" type="noConversion"/>
  </si>
  <si>
    <r>
      <t>1.Acknowledge fault</t>
    </r>
    <r>
      <rPr>
        <sz val="8"/>
        <color rgb="FFFF0000"/>
        <rFont val="Calibri"/>
        <family val="3"/>
        <charset val="134"/>
        <scheme val="minor"/>
      </rPr>
      <t>(1=On / 0=Off):p2103=r2090.7</t>
    </r>
    <phoneticPr fontId="6" type="noConversion"/>
  </si>
  <si>
    <r>
      <t>EPOS jog1 singal source</t>
    </r>
    <r>
      <rPr>
        <sz val="8"/>
        <color rgb="FFFF0000"/>
        <rFont val="Calibri"/>
        <family val="3"/>
        <charset val="134"/>
        <scheme val="minor"/>
      </rPr>
      <t>(1=On / 0=Off):p2589=r2090.8</t>
    </r>
    <phoneticPr fontId="6" type="noConversion"/>
  </si>
  <si>
    <r>
      <t>EPOS jog2 singal source</t>
    </r>
    <r>
      <rPr>
        <sz val="8"/>
        <color rgb="FFFF0000"/>
        <rFont val="Calibri"/>
        <family val="3"/>
        <charset val="134"/>
        <scheme val="minor"/>
      </rPr>
      <t>(1=On / 0=Off):p2590=r2090.9</t>
    </r>
    <phoneticPr fontId="6" type="noConversion"/>
  </si>
  <si>
    <r>
      <t>Control by PLC/no control by PLC</t>
    </r>
    <r>
      <rPr>
        <sz val="8"/>
        <color rgb="FFFF0000"/>
        <rFont val="Calibri"/>
        <family val="3"/>
        <charset val="134"/>
        <scheme val="minor"/>
      </rPr>
      <t>(1=On / 0=Off):p0854=r2090.10</t>
    </r>
    <phoneticPr fontId="6" type="noConversion"/>
  </si>
  <si>
    <r>
      <t>EPOS referencing start</t>
    </r>
    <r>
      <rPr>
        <sz val="8"/>
        <color rgb="FFFF0000"/>
        <rFont val="Calibri"/>
        <family val="3"/>
        <charset val="134"/>
        <scheme val="minor"/>
      </rPr>
      <t>(1=On / 0=Off):p2595=r2090.11</t>
    </r>
    <phoneticPr fontId="6" type="noConversion"/>
  </si>
  <si>
    <r>
      <t>EPOS external block change</t>
    </r>
    <r>
      <rPr>
        <sz val="8"/>
        <color rgb="FF0070C0"/>
        <rFont val="Calibri"/>
        <family val="3"/>
        <charset val="134"/>
        <scheme val="minor"/>
      </rPr>
      <t>(0→1)</t>
    </r>
    <r>
      <rPr>
        <sz val="8"/>
        <color rgb="FFFF0000"/>
        <rFont val="Calibri"/>
        <family val="3"/>
        <charset val="134"/>
        <scheme val="minor"/>
      </rPr>
      <t>(1=On / 0=Off):p2632=1;p2633=r2090.13</t>
    </r>
    <phoneticPr fontId="6" type="noConversion"/>
  </si>
  <si>
    <r>
      <t>EPOS traversing block selection bit 0</t>
    </r>
    <r>
      <rPr>
        <sz val="8"/>
        <color rgb="FFFF0000"/>
        <rFont val="Calibri"/>
        <family val="3"/>
        <charset val="134"/>
        <scheme val="minor"/>
      </rPr>
      <t>(1=On / 0=Off):p2625=r2091.0</t>
    </r>
    <phoneticPr fontId="6" type="noConversion"/>
  </si>
  <si>
    <r>
      <t>EPOS traversing block selection bit 1</t>
    </r>
    <r>
      <rPr>
        <sz val="8"/>
        <color rgb="FFFF0000"/>
        <rFont val="Calibri"/>
        <family val="3"/>
        <charset val="134"/>
        <scheme val="minor"/>
      </rPr>
      <t>(1=On / 0=Off):p2626=r2091.1</t>
    </r>
    <phoneticPr fontId="6" type="noConversion"/>
  </si>
  <si>
    <r>
      <t>EPOS traversing block selection bit 2</t>
    </r>
    <r>
      <rPr>
        <sz val="8"/>
        <color rgb="FFFF0000"/>
        <rFont val="Calibri"/>
        <family val="3"/>
        <charset val="134"/>
        <scheme val="minor"/>
      </rPr>
      <t>(1=On / 0=Off):p2627=r2091.2</t>
    </r>
    <phoneticPr fontId="6" type="noConversion"/>
  </si>
  <si>
    <r>
      <t>EPOS traversing block selection bit 3</t>
    </r>
    <r>
      <rPr>
        <sz val="8"/>
        <color rgb="FFFF0000"/>
        <rFont val="Calibri"/>
        <family val="3"/>
        <charset val="134"/>
        <scheme val="minor"/>
      </rPr>
      <t>(1=On / 0=Off):p2628=r2091.3</t>
    </r>
    <phoneticPr fontId="6" type="noConversion"/>
  </si>
  <si>
    <r>
      <t>EPOS traversing block selection bit 4</t>
    </r>
    <r>
      <rPr>
        <sz val="8"/>
        <color rgb="FFFF0000"/>
        <rFont val="Calibri"/>
        <family val="3"/>
        <charset val="134"/>
        <scheme val="minor"/>
      </rPr>
      <t>(1=On / 0=Off):p2629=r2091.4</t>
    </r>
    <phoneticPr fontId="6" type="noConversion"/>
  </si>
  <si>
    <r>
      <t>EPOS traversing block selection bit 5</t>
    </r>
    <r>
      <rPr>
        <sz val="8"/>
        <color rgb="FFFF0000"/>
        <rFont val="Calibri"/>
        <family val="3"/>
        <charset val="134"/>
        <scheme val="minor"/>
      </rPr>
      <t>(1=On / 0=Off):p2630=r2091.5</t>
    </r>
    <phoneticPr fontId="6" type="noConversion"/>
  </si>
  <si>
    <r>
      <t>EPOS direct setpoint input/MDI positioning type</t>
    </r>
    <r>
      <rPr>
        <sz val="8"/>
        <color rgb="FFFF0000"/>
        <rFont val="Calibri"/>
        <family val="3"/>
        <charset val="134"/>
        <scheme val="minor"/>
      </rPr>
      <t>(1=On / 0=Off):p2648=r2091.8</t>
    </r>
    <phoneticPr fontId="6" type="noConversion"/>
  </si>
  <si>
    <r>
      <t>EPOS direct setpoint input/MDI direction selection,positive</t>
    </r>
    <r>
      <rPr>
        <sz val="8"/>
        <color rgb="FFFF0000"/>
        <rFont val="Calibri"/>
        <family val="3"/>
        <charset val="134"/>
        <scheme val="minor"/>
      </rPr>
      <t>(1=On / 0=Off):p2651=r2091.9</t>
    </r>
    <phoneticPr fontId="6" type="noConversion"/>
  </si>
  <si>
    <r>
      <t>EPOS direct setpoint input/MDI direction selection,negative</t>
    </r>
    <r>
      <rPr>
        <sz val="8"/>
        <color rgb="FFFF0000"/>
        <rFont val="Calibri"/>
        <family val="3"/>
        <charset val="134"/>
        <scheme val="minor"/>
      </rPr>
      <t>(1=On / 0=Off):p2652=r2091.10</t>
    </r>
    <phoneticPr fontId="6" type="noConversion"/>
  </si>
  <si>
    <r>
      <t>EPOS direct setpoint input/MDI transfer type selection</t>
    </r>
    <r>
      <rPr>
        <sz val="8"/>
        <color rgb="FFFF0000"/>
        <rFont val="Calibri"/>
        <family val="3"/>
        <charset val="134"/>
        <scheme val="minor"/>
      </rPr>
      <t>(1=On / 0=Off):p2649=r2091.12</t>
    </r>
    <phoneticPr fontId="6" type="noConversion"/>
  </si>
  <si>
    <r>
      <t>EPOS direct setpoint input/MDI setting-up selection</t>
    </r>
    <r>
      <rPr>
        <sz val="8"/>
        <color rgb="FFFF0000"/>
        <rFont val="Calibri"/>
        <family val="3"/>
        <charset val="134"/>
        <scheme val="minor"/>
      </rPr>
      <t>(1=On / 0=Off):p2653=r2091.14</t>
    </r>
    <phoneticPr fontId="6" type="noConversion"/>
  </si>
  <si>
    <r>
      <t>EPOS direct setpoint input/MDI Selection</t>
    </r>
    <r>
      <rPr>
        <sz val="8"/>
        <color rgb="FFFF0000"/>
        <rFont val="Calibri"/>
        <family val="3"/>
        <charset val="134"/>
        <scheme val="minor"/>
      </rPr>
      <t>(1=On / 0=Off):p2647=r2091.15</t>
    </r>
    <phoneticPr fontId="6" type="noConversion"/>
  </si>
  <si>
    <r>
      <t>EPOS Select tracking mode</t>
    </r>
    <r>
      <rPr>
        <sz val="8"/>
        <color rgb="FFFF0000"/>
        <rFont val="Calibri"/>
        <family val="3"/>
        <charset val="134"/>
        <scheme val="minor"/>
      </rPr>
      <t>(1=On / 0=Off):p2655[0]=r2092.0</t>
    </r>
    <phoneticPr fontId="6" type="noConversion"/>
  </si>
  <si>
    <r>
      <t>EPOS set referencing point</t>
    </r>
    <r>
      <rPr>
        <sz val="8"/>
        <color rgb="FFFF0000"/>
        <rFont val="Calibri"/>
        <family val="3"/>
        <charset val="134"/>
        <scheme val="minor"/>
      </rPr>
      <t>(1=On / 0=Off):p2596=r2092.1</t>
    </r>
    <phoneticPr fontId="6" type="noConversion"/>
  </si>
  <si>
    <r>
      <t>EPOS search for reference cam</t>
    </r>
    <r>
      <rPr>
        <sz val="8"/>
        <color rgb="FFFF0000"/>
        <rFont val="Calibri"/>
        <family val="3"/>
        <charset val="134"/>
        <scheme val="minor"/>
      </rPr>
      <t>(1=On / 0=Off):p2612=r2092.2</t>
    </r>
    <phoneticPr fontId="6" type="noConversion"/>
  </si>
  <si>
    <r>
      <t>EPOS referencing type selection</t>
    </r>
    <r>
      <rPr>
        <sz val="8"/>
        <color rgb="FFFF0000"/>
        <rFont val="Calibri"/>
        <family val="3"/>
        <charset val="134"/>
        <scheme val="minor"/>
      </rPr>
      <t>(1=On / 0=Off):p2597=r2092.8</t>
    </r>
    <phoneticPr fontId="6" type="noConversion"/>
  </si>
  <si>
    <r>
      <t>EPOS search for reference start direction</t>
    </r>
    <r>
      <rPr>
        <sz val="8"/>
        <color rgb="FFFF0000"/>
        <rFont val="Calibri"/>
        <family val="3"/>
        <charset val="134"/>
        <scheme val="minor"/>
      </rPr>
      <t>(1=On / 0=Off):p2604=r2092.9</t>
    </r>
    <phoneticPr fontId="6" type="noConversion"/>
  </si>
  <si>
    <r>
      <t>LR selecting measuring probe evaluation,Cl-loop pos crtl</t>
    </r>
    <r>
      <rPr>
        <sz val="8"/>
        <color rgb="FFFF0000"/>
        <rFont val="Calibri"/>
        <family val="3"/>
        <charset val="134"/>
        <scheme val="minor"/>
      </rPr>
      <t>(1=On / 0=Off):p2510=r2092.10</t>
    </r>
    <phoneticPr fontId="6" type="noConversion"/>
  </si>
  <si>
    <r>
      <t>LR measuring probe evaluation edge,Cl-loop pos crtl</t>
    </r>
    <r>
      <rPr>
        <sz val="8"/>
        <color rgb="FFFF0000"/>
        <rFont val="Calibri"/>
        <family val="3"/>
        <charset val="134"/>
        <scheme val="minor"/>
      </rPr>
      <t>(1=On / 0=Off):p2511=r2092.11</t>
    </r>
    <phoneticPr fontId="6" type="noConversion"/>
  </si>
  <si>
    <r>
      <t>EPOS software limit switch activation</t>
    </r>
    <r>
      <rPr>
        <sz val="8"/>
        <color rgb="FFFF0000"/>
        <rFont val="Calibri"/>
        <family val="3"/>
        <charset val="134"/>
        <scheme val="minor"/>
      </rPr>
      <t>(1=On / 0=Off):p2582=r2092.14</t>
    </r>
    <phoneticPr fontId="6" type="noConversion"/>
  </si>
  <si>
    <r>
      <t>EPOS STOP cam activation</t>
    </r>
    <r>
      <rPr>
        <sz val="8"/>
        <color rgb="FFFF0000"/>
        <rFont val="Calibri"/>
        <family val="3"/>
        <charset val="134"/>
        <scheme val="minor"/>
      </rPr>
      <t>(1=On / 0=Off):p2568=r2092.15</t>
    </r>
    <phoneticPr fontId="6" type="noConversion"/>
  </si>
  <si>
    <r>
      <t>Drive data set selection DDS bit 0</t>
    </r>
    <r>
      <rPr>
        <sz val="8"/>
        <color rgb="FFFF0000"/>
        <rFont val="Calibri"/>
        <family val="3"/>
        <charset val="134"/>
        <scheme val="minor"/>
      </rPr>
      <t xml:space="preserve">(1=On / 0=Off):p0820[0]=r2093.0 </t>
    </r>
    <phoneticPr fontId="6" type="noConversion"/>
  </si>
  <si>
    <r>
      <t>Drive data set selection DDS bit 1</t>
    </r>
    <r>
      <rPr>
        <sz val="8"/>
        <color rgb="FFFF0000"/>
        <rFont val="Calibri"/>
        <family val="3"/>
        <charset val="134"/>
        <scheme val="minor"/>
      </rPr>
      <t>(1=On / 0=Off):p0821[0]=r2093.1</t>
    </r>
    <phoneticPr fontId="6" type="noConversion"/>
  </si>
  <si>
    <r>
      <t>Drive data set selection DDS bit 2</t>
    </r>
    <r>
      <rPr>
        <sz val="8"/>
        <color rgb="FFFF0000"/>
        <rFont val="Calibri"/>
        <family val="3"/>
        <charset val="134"/>
        <scheme val="minor"/>
      </rPr>
      <t>(1=On / 0=Off):p0822[0]=r2093.2</t>
    </r>
    <phoneticPr fontId="6" type="noConversion"/>
  </si>
  <si>
    <r>
      <t>Drive data set selection DDS bit 3</t>
    </r>
    <r>
      <rPr>
        <sz val="8"/>
        <color rgb="FFFF0000"/>
        <rFont val="Calibri"/>
        <family val="3"/>
        <charset val="134"/>
        <scheme val="minor"/>
      </rPr>
      <t>(1=On / 0=Off):p0823[0]=r2093.3</t>
    </r>
    <phoneticPr fontId="6" type="noConversion"/>
  </si>
  <si>
    <r>
      <t>Drive data set selection DDS bit 4</t>
    </r>
    <r>
      <rPr>
        <sz val="8"/>
        <color rgb="FFFF0000"/>
        <rFont val="Calibri"/>
        <family val="3"/>
        <charset val="134"/>
        <scheme val="minor"/>
      </rPr>
      <t>(1=On / 0=Off):p0824[0]=r2093.4</t>
    </r>
    <phoneticPr fontId="6" type="noConversion"/>
  </si>
  <si>
    <r>
      <t>Parking axis selection</t>
    </r>
    <r>
      <rPr>
        <sz val="8"/>
        <color rgb="FFFF0000"/>
        <rFont val="Calibri"/>
        <family val="3"/>
        <charset val="134"/>
        <scheme val="minor"/>
      </rPr>
      <t>(1=On / 0=Off):p0897=r2093.7</t>
    </r>
    <phoneticPr fontId="6" type="noConversion"/>
  </si>
  <si>
    <r>
      <t>Motor changeover feedback singal</t>
    </r>
    <r>
      <rPr>
        <sz val="8"/>
        <color rgb="FFFF0000"/>
        <rFont val="Calibri"/>
        <family val="3"/>
        <charset val="134"/>
        <scheme val="minor"/>
      </rPr>
      <t>(1=On / 0=Off):p0828=r2093.11</t>
    </r>
    <phoneticPr fontId="6" type="noConversion"/>
  </si>
  <si>
    <r>
      <t>Master sign-of-life bit 0</t>
    </r>
    <r>
      <rPr>
        <sz val="8"/>
        <color rgb="FFFF0000"/>
        <rFont val="Calibri"/>
        <family val="3"/>
        <charset val="134"/>
        <scheme val="minor"/>
      </rPr>
      <t>(1=On / 0=Off):p2045=r2050[3]</t>
    </r>
    <phoneticPr fontId="6" type="noConversion"/>
  </si>
  <si>
    <r>
      <t>Master sign-of-life bit 1</t>
    </r>
    <r>
      <rPr>
        <sz val="8"/>
        <color rgb="FFFF0000"/>
        <rFont val="Calibri"/>
        <family val="3"/>
        <charset val="134"/>
        <scheme val="minor"/>
      </rPr>
      <t>(1=On / 0=Off):</t>
    </r>
    <phoneticPr fontId="6" type="noConversion"/>
  </si>
  <si>
    <r>
      <t>Master sign-of-life bit 2</t>
    </r>
    <r>
      <rPr>
        <sz val="8"/>
        <color rgb="FFFF0000"/>
        <rFont val="Calibri"/>
        <family val="3"/>
        <charset val="134"/>
        <scheme val="minor"/>
      </rPr>
      <t>(1=On / 0=Off):</t>
    </r>
    <phoneticPr fontId="6" type="noConversion"/>
  </si>
  <si>
    <r>
      <t>Master sign-of-life bit 3</t>
    </r>
    <r>
      <rPr>
        <sz val="8"/>
        <color rgb="FFFF0000"/>
        <rFont val="Calibri"/>
        <family val="3"/>
        <charset val="134"/>
        <scheme val="minor"/>
      </rPr>
      <t>(1=On / 0=Off):</t>
    </r>
    <phoneticPr fontId="6" type="noConversion"/>
  </si>
  <si>
    <t>置位为1 后就一直触发MDI模式</t>
  </si>
  <si>
    <t>POS_STW1</t>
  </si>
  <si>
    <t>STW1</t>
  </si>
  <si>
    <t>Override</t>
  </si>
  <si>
    <t>ZSW1</t>
  </si>
  <si>
    <t>POS_ZSW1</t>
  </si>
  <si>
    <t>POS_ZSW2</t>
  </si>
  <si>
    <t>ZSW2</t>
  </si>
  <si>
    <t>MELDW</t>
  </si>
  <si>
    <t>Position actual value:p2061[5]= r2521</t>
  </si>
  <si>
    <t>Speed actual value:p2061[7] = r0063[0]</t>
  </si>
  <si>
    <t>Fault code:p2051[9] = r2131</t>
  </si>
  <si>
    <t>Warning code</t>
  </si>
  <si>
    <t>Override:p2646=r2050[4]</t>
  </si>
  <si>
    <t>MDI Target position:p2642=r2060[5]</t>
  </si>
  <si>
    <t>MDI Velocity:p2643=r2060[7]</t>
  </si>
  <si>
    <t>MDI Acceleration(4000H→100%):p2644=r2050[9]</t>
  </si>
  <si>
    <t>MDI Deceleration(4000H→100%):p2645=r2050[10]</t>
  </si>
  <si>
    <r>
      <t>EPOS jogging incremental</t>
    </r>
    <r>
      <rPr>
        <sz val="8"/>
        <color rgb="FFFF0000"/>
        <rFont val="Calibri"/>
        <family val="3"/>
        <charset val="134"/>
        <scheme val="minor"/>
      </rPr>
      <t>(1=On / 0=Off):p2591=r2092.5</t>
    </r>
  </si>
  <si>
    <t>直接数据输入/MDI_方向选择 正向</t>
  </si>
  <si>
    <t>设置点动模式 0：速度模式 1：位置模式</t>
  </si>
  <si>
    <t>选择回参考点方式 0：主动回零 1：被动回零</t>
  </si>
  <si>
    <t>设置寻参考点方向 0：正向回零 1：反向回零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0">
    <font>
      <sz val="11"/>
      <color theme="1"/>
      <name val="Calibri"/>
      <family val="2"/>
      <charset val="134"/>
      <scheme val="minor"/>
    </font>
    <font>
      <sz val="9"/>
      <name val="Calibri"/>
      <family val="2"/>
      <charset val="134"/>
      <scheme val="minor"/>
    </font>
    <font>
      <sz val="9"/>
      <color theme="1"/>
      <name val="Calibri"/>
      <family val="3"/>
      <charset val="134"/>
      <scheme val="minor"/>
    </font>
    <font>
      <sz val="9"/>
      <color rgb="FFFF0000"/>
      <name val="Calibri"/>
      <family val="3"/>
      <charset val="134"/>
      <scheme val="minor"/>
    </font>
    <font>
      <sz val="9"/>
      <color rgb="FF00B050"/>
      <name val="Calibri"/>
      <family val="3"/>
      <charset val="134"/>
      <scheme val="minor"/>
    </font>
    <font>
      <b/>
      <sz val="9"/>
      <name val="Calibri"/>
      <family val="3"/>
      <charset val="134"/>
      <scheme val="minor"/>
    </font>
    <font>
      <sz val="9"/>
      <name val="Calibri"/>
      <family val="3"/>
      <charset val="134"/>
      <scheme val="minor"/>
    </font>
    <font>
      <b/>
      <sz val="12"/>
      <color theme="1"/>
      <name val="Calibri"/>
      <family val="3"/>
      <charset val="134"/>
      <scheme val="minor"/>
    </font>
    <font>
      <sz val="9"/>
      <color theme="1"/>
      <name val="Calibri"/>
      <family val="2"/>
      <charset val="134"/>
      <scheme val="minor"/>
    </font>
    <font>
      <b/>
      <sz val="11"/>
      <color rgb="FFFF0000"/>
      <name val="Calibri"/>
      <family val="3"/>
      <charset val="134"/>
      <scheme val="minor"/>
    </font>
    <font>
      <b/>
      <sz val="10"/>
      <color theme="1"/>
      <name val="Calibri"/>
      <family val="3"/>
      <charset val="134"/>
      <scheme val="minor"/>
    </font>
    <font>
      <b/>
      <sz val="11"/>
      <color rgb="FFFF0000"/>
      <name val="宋体"/>
      <family val="3"/>
      <charset val="134"/>
    </font>
    <font>
      <b/>
      <sz val="8"/>
      <color theme="1"/>
      <name val="Calibri"/>
      <family val="3"/>
      <charset val="134"/>
      <scheme val="minor"/>
    </font>
    <font>
      <sz val="8"/>
      <color theme="1"/>
      <name val="Calibri"/>
      <family val="3"/>
      <charset val="134"/>
      <scheme val="minor"/>
    </font>
    <font>
      <b/>
      <sz val="8"/>
      <color rgb="FFFF0000"/>
      <name val="Calibri"/>
      <family val="3"/>
      <charset val="134"/>
      <scheme val="minor"/>
    </font>
    <font>
      <sz val="8"/>
      <name val="Calibri"/>
      <family val="3"/>
      <charset val="134"/>
      <scheme val="minor"/>
    </font>
    <font>
      <sz val="8"/>
      <color rgb="FFFF0000"/>
      <name val="Calibri"/>
      <family val="3"/>
      <charset val="134"/>
      <scheme val="minor"/>
    </font>
    <font>
      <sz val="8"/>
      <color rgb="FF00B050"/>
      <name val="Calibri"/>
      <family val="3"/>
      <charset val="134"/>
      <scheme val="minor"/>
    </font>
    <font>
      <b/>
      <sz val="8"/>
      <color rgb="FFFF0000"/>
      <name val="宋体"/>
      <family val="3"/>
      <charset val="134"/>
    </font>
    <font>
      <sz val="8"/>
      <color rgb="FF0070C0"/>
      <name val="Calibri"/>
      <family val="3"/>
      <charset val="134"/>
      <scheme val="minor"/>
    </font>
  </fonts>
  <fills count="16">
    <fill>
      <patternFill patternType="none"/>
    </fill>
    <fill>
      <patternFill patternType="gray125"/>
    </fill>
    <fill>
      <patternFill patternType="solid">
        <fgColor theme="5" tint="0.79998168889431442"/>
        <bgColor indexed="64"/>
      </patternFill>
    </fill>
    <fill>
      <patternFill patternType="solid">
        <fgColor rgb="FFFF0000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00B050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2" tint="-0.249977111117893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rgb="FFFF99FF"/>
        <bgColor indexed="64"/>
      </patternFill>
    </fill>
    <fill>
      <patternFill patternType="solid">
        <fgColor rgb="FF00FF00"/>
        <bgColor indexed="64"/>
      </patternFill>
    </fill>
    <fill>
      <patternFill patternType="solid">
        <fgColor theme="0" tint="-0.249977111117893"/>
        <bgColor indexed="64"/>
      </patternFill>
    </fill>
  </fills>
  <borders count="3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</borders>
  <cellStyleXfs count="1">
    <xf numFmtId="0" fontId="0" fillId="0" borderId="0">
      <alignment vertical="center"/>
    </xf>
  </cellStyleXfs>
  <cellXfs count="206">
    <xf numFmtId="0" fontId="0" fillId="0" borderId="0" xfId="0">
      <alignment vertical="center"/>
    </xf>
    <xf numFmtId="0" fontId="2" fillId="0" borderId="0" xfId="0" applyFont="1" applyAlignment="1">
      <alignment horizontal="left" vertical="center"/>
    </xf>
    <xf numFmtId="0" fontId="8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10" fillId="0" borderId="2" xfId="0" applyFont="1" applyBorder="1" applyAlignment="1">
      <alignment horizontal="center" vertical="center"/>
    </xf>
    <xf numFmtId="0" fontId="10" fillId="0" borderId="2" xfId="0" applyFont="1" applyBorder="1" applyAlignment="1">
      <alignment vertical="center" wrapText="1"/>
    </xf>
    <xf numFmtId="0" fontId="10" fillId="0" borderId="6" xfId="0" applyFont="1" applyBorder="1" applyAlignment="1">
      <alignment horizontal="center" vertical="center"/>
    </xf>
    <xf numFmtId="0" fontId="6" fillId="6" borderId="9" xfId="0" applyFont="1" applyFill="1" applyBorder="1" applyAlignment="1">
      <alignment vertical="center"/>
    </xf>
    <xf numFmtId="0" fontId="6" fillId="6" borderId="11" xfId="0" applyFont="1" applyFill="1" applyBorder="1" applyAlignment="1">
      <alignment vertical="center"/>
    </xf>
    <xf numFmtId="0" fontId="6" fillId="6" borderId="14" xfId="0" applyFont="1" applyFill="1" applyBorder="1" applyAlignment="1">
      <alignment vertical="center"/>
    </xf>
    <xf numFmtId="0" fontId="6" fillId="6" borderId="15" xfId="0" applyFont="1" applyFill="1" applyBorder="1" applyAlignment="1">
      <alignment vertical="center"/>
    </xf>
    <xf numFmtId="0" fontId="6" fillId="6" borderId="16" xfId="0" applyFont="1" applyFill="1" applyBorder="1" applyAlignment="1">
      <alignment vertical="center"/>
    </xf>
    <xf numFmtId="0" fontId="2" fillId="0" borderId="0" xfId="0" applyFont="1" applyAlignment="1">
      <alignment vertical="center"/>
    </xf>
    <xf numFmtId="0" fontId="6" fillId="6" borderId="17" xfId="0" applyFont="1" applyFill="1" applyBorder="1" applyAlignment="1">
      <alignment horizontal="left" vertical="center"/>
    </xf>
    <xf numFmtId="0" fontId="6" fillId="6" borderId="18" xfId="0" applyFont="1" applyFill="1" applyBorder="1" applyAlignment="1">
      <alignment horizontal="left" vertical="center"/>
    </xf>
    <xf numFmtId="0" fontId="6" fillId="6" borderId="3" xfId="0" applyFont="1" applyFill="1" applyBorder="1" applyAlignment="1">
      <alignment horizontal="left" vertical="center"/>
    </xf>
    <xf numFmtId="0" fontId="6" fillId="6" borderId="5" xfId="0" applyFont="1" applyFill="1" applyBorder="1" applyAlignment="1">
      <alignment horizontal="left" vertical="center"/>
    </xf>
    <xf numFmtId="0" fontId="4" fillId="6" borderId="3" xfId="0" applyFont="1" applyFill="1" applyBorder="1" applyAlignment="1">
      <alignment horizontal="left" vertical="center"/>
    </xf>
    <xf numFmtId="0" fontId="6" fillId="6" borderId="6" xfId="0" applyFont="1" applyFill="1" applyBorder="1" applyAlignment="1">
      <alignment horizontal="left" vertical="center"/>
    </xf>
    <xf numFmtId="0" fontId="6" fillId="6" borderId="20" xfId="0" applyFont="1" applyFill="1" applyBorder="1" applyAlignment="1">
      <alignment vertical="center"/>
    </xf>
    <xf numFmtId="0" fontId="6" fillId="7" borderId="8" xfId="0" applyFont="1" applyFill="1" applyBorder="1" applyAlignment="1">
      <alignment horizontal="left" vertical="center"/>
    </xf>
    <xf numFmtId="0" fontId="6" fillId="7" borderId="21" xfId="0" applyFont="1" applyFill="1" applyBorder="1" applyAlignment="1">
      <alignment horizontal="left" vertical="center"/>
    </xf>
    <xf numFmtId="0" fontId="6" fillId="7" borderId="9" xfId="0" applyFont="1" applyFill="1" applyBorder="1" applyAlignment="1">
      <alignment vertical="center"/>
    </xf>
    <xf numFmtId="0" fontId="6" fillId="7" borderId="1" xfId="0" applyFont="1" applyFill="1" applyBorder="1" applyAlignment="1">
      <alignment horizontal="left" vertical="center"/>
    </xf>
    <xf numFmtId="0" fontId="6" fillId="7" borderId="4" xfId="0" applyFont="1" applyFill="1" applyBorder="1" applyAlignment="1">
      <alignment horizontal="left" vertical="center"/>
    </xf>
    <xf numFmtId="0" fontId="6" fillId="7" borderId="11" xfId="0" applyFont="1" applyFill="1" applyBorder="1" applyAlignment="1">
      <alignment vertical="center"/>
    </xf>
    <xf numFmtId="0" fontId="6" fillId="7" borderId="13" xfId="0" applyFont="1" applyFill="1" applyBorder="1" applyAlignment="1">
      <alignment horizontal="left" vertical="center"/>
    </xf>
    <xf numFmtId="0" fontId="6" fillId="7" borderId="22" xfId="0" applyFont="1" applyFill="1" applyBorder="1" applyAlignment="1">
      <alignment horizontal="left" vertical="center"/>
    </xf>
    <xf numFmtId="0" fontId="6" fillId="7" borderId="14" xfId="0" applyFont="1" applyFill="1" applyBorder="1" applyAlignment="1">
      <alignment vertical="center"/>
    </xf>
    <xf numFmtId="0" fontId="2" fillId="6" borderId="3" xfId="0" applyFont="1" applyFill="1" applyBorder="1" applyAlignment="1">
      <alignment horizontal="left" vertical="center"/>
    </xf>
    <xf numFmtId="0" fontId="2" fillId="6" borderId="5" xfId="0" applyFont="1" applyFill="1" applyBorder="1" applyAlignment="1">
      <alignment horizontal="left" vertical="center"/>
    </xf>
    <xf numFmtId="0" fontId="13" fillId="0" borderId="0" xfId="0" applyFont="1" applyAlignment="1">
      <alignment horizontal="center" vertical="center"/>
    </xf>
    <xf numFmtId="0" fontId="13" fillId="0" borderId="0" xfId="0" applyFont="1" applyAlignment="1">
      <alignment vertical="center"/>
    </xf>
    <xf numFmtId="0" fontId="13" fillId="0" borderId="0" xfId="0" applyFont="1" applyAlignment="1">
      <alignment horizontal="left" vertical="center"/>
    </xf>
    <xf numFmtId="0" fontId="12" fillId="0" borderId="12" xfId="0" applyFont="1" applyBorder="1" applyAlignment="1">
      <alignment horizontal="center" vertical="center"/>
    </xf>
    <xf numFmtId="0" fontId="12" fillId="0" borderId="23" xfId="0" applyFont="1" applyBorder="1" applyAlignment="1">
      <alignment horizontal="center" vertical="center"/>
    </xf>
    <xf numFmtId="0" fontId="12" fillId="0" borderId="23" xfId="0" applyFont="1" applyBorder="1" applyAlignment="1">
      <alignment horizontal="center" vertical="center" wrapText="1"/>
    </xf>
    <xf numFmtId="0" fontId="12" fillId="0" borderId="24" xfId="0" applyFont="1" applyBorder="1" applyAlignment="1">
      <alignment horizontal="center" vertical="center"/>
    </xf>
    <xf numFmtId="0" fontId="15" fillId="6" borderId="17" xfId="0" applyFont="1" applyFill="1" applyBorder="1" applyAlignment="1">
      <alignment horizontal="left" vertical="center"/>
    </xf>
    <xf numFmtId="0" fontId="15" fillId="6" borderId="8" xfId="0" applyFont="1" applyFill="1" applyBorder="1" applyAlignment="1">
      <alignment horizontal="left" vertical="center"/>
    </xf>
    <xf numFmtId="0" fontId="15" fillId="6" borderId="9" xfId="0" applyFont="1" applyFill="1" applyBorder="1" applyAlignment="1">
      <alignment vertical="center"/>
    </xf>
    <xf numFmtId="0" fontId="15" fillId="6" borderId="3" xfId="0" applyFont="1" applyFill="1" applyBorder="1" applyAlignment="1">
      <alignment horizontal="left" vertical="center"/>
    </xf>
    <xf numFmtId="0" fontId="15" fillId="6" borderId="1" xfId="0" applyFont="1" applyFill="1" applyBorder="1" applyAlignment="1">
      <alignment horizontal="left" vertical="center"/>
    </xf>
    <xf numFmtId="0" fontId="15" fillId="6" borderId="11" xfId="0" applyFont="1" applyFill="1" applyBorder="1" applyAlignment="1">
      <alignment vertical="center"/>
    </xf>
    <xf numFmtId="0" fontId="17" fillId="6" borderId="3" xfId="0" applyFont="1" applyFill="1" applyBorder="1" applyAlignment="1">
      <alignment horizontal="left" vertical="center"/>
    </xf>
    <xf numFmtId="0" fontId="15" fillId="8" borderId="1" xfId="0" applyFont="1" applyFill="1" applyBorder="1" applyAlignment="1">
      <alignment horizontal="left" vertical="center"/>
    </xf>
    <xf numFmtId="0" fontId="15" fillId="5" borderId="11" xfId="0" applyFont="1" applyFill="1" applyBorder="1" applyAlignment="1">
      <alignment vertical="center"/>
    </xf>
    <xf numFmtId="0" fontId="15" fillId="6" borderId="23" xfId="0" applyFont="1" applyFill="1" applyBorder="1" applyAlignment="1">
      <alignment horizontal="left" vertical="center"/>
    </xf>
    <xf numFmtId="0" fontId="15" fillId="8" borderId="13" xfId="0" applyFont="1" applyFill="1" applyBorder="1" applyAlignment="1">
      <alignment horizontal="left" vertical="center"/>
    </xf>
    <xf numFmtId="0" fontId="15" fillId="6" borderId="14" xfId="0" applyFont="1" applyFill="1" applyBorder="1" applyAlignment="1">
      <alignment vertical="center"/>
    </xf>
    <xf numFmtId="0" fontId="15" fillId="7" borderId="8" xfId="0" applyFont="1" applyFill="1" applyBorder="1" applyAlignment="1">
      <alignment horizontal="left" vertical="center"/>
    </xf>
    <xf numFmtId="0" fontId="15" fillId="7" borderId="21" xfId="0" applyFont="1" applyFill="1" applyBorder="1" applyAlignment="1">
      <alignment horizontal="left" vertical="center"/>
    </xf>
    <xf numFmtId="0" fontId="15" fillId="7" borderId="9" xfId="0" applyFont="1" applyFill="1" applyBorder="1" applyAlignment="1">
      <alignment vertical="center"/>
    </xf>
    <xf numFmtId="0" fontId="15" fillId="7" borderId="1" xfId="0" applyFont="1" applyFill="1" applyBorder="1" applyAlignment="1">
      <alignment horizontal="left" vertical="center"/>
    </xf>
    <xf numFmtId="0" fontId="15" fillId="7" borderId="4" xfId="0" applyFont="1" applyFill="1" applyBorder="1" applyAlignment="1">
      <alignment horizontal="left" vertical="center"/>
    </xf>
    <xf numFmtId="0" fontId="15" fillId="7" borderId="11" xfId="0" applyFont="1" applyFill="1" applyBorder="1" applyAlignment="1">
      <alignment vertical="center"/>
    </xf>
    <xf numFmtId="0" fontId="15" fillId="8" borderId="4" xfId="0" applyFont="1" applyFill="1" applyBorder="1" applyAlignment="1">
      <alignment horizontal="left" vertical="center"/>
    </xf>
    <xf numFmtId="0" fontId="15" fillId="7" borderId="13" xfId="0" applyFont="1" applyFill="1" applyBorder="1" applyAlignment="1">
      <alignment horizontal="left" vertical="center"/>
    </xf>
    <xf numFmtId="0" fontId="15" fillId="7" borderId="22" xfId="0" applyFont="1" applyFill="1" applyBorder="1" applyAlignment="1">
      <alignment horizontal="left" vertical="center"/>
    </xf>
    <xf numFmtId="0" fontId="15" fillId="7" borderId="14" xfId="0" applyFont="1" applyFill="1" applyBorder="1" applyAlignment="1">
      <alignment vertical="center"/>
    </xf>
    <xf numFmtId="0" fontId="17" fillId="9" borderId="8" xfId="0" applyFont="1" applyFill="1" applyBorder="1" applyAlignment="1">
      <alignment horizontal="left" vertical="center"/>
    </xf>
    <xf numFmtId="0" fontId="15" fillId="8" borderId="21" xfId="0" applyFont="1" applyFill="1" applyBorder="1" applyAlignment="1">
      <alignment horizontal="left" vertical="center"/>
    </xf>
    <xf numFmtId="0" fontId="15" fillId="5" borderId="9" xfId="0" applyFont="1" applyFill="1" applyBorder="1" applyAlignment="1">
      <alignment vertical="center"/>
    </xf>
    <xf numFmtId="0" fontId="15" fillId="9" borderId="1" xfId="0" applyFont="1" applyFill="1" applyBorder="1" applyAlignment="1">
      <alignment horizontal="left" vertical="center"/>
    </xf>
    <xf numFmtId="0" fontId="15" fillId="9" borderId="4" xfId="0" applyFont="1" applyFill="1" applyBorder="1" applyAlignment="1">
      <alignment horizontal="left" vertical="center"/>
    </xf>
    <xf numFmtId="0" fontId="15" fillId="9" borderId="11" xfId="0" applyFont="1" applyFill="1" applyBorder="1" applyAlignment="1">
      <alignment vertical="center"/>
    </xf>
    <xf numFmtId="0" fontId="17" fillId="9" borderId="1" xfId="0" applyFont="1" applyFill="1" applyBorder="1" applyAlignment="1">
      <alignment horizontal="left" vertical="center"/>
    </xf>
    <xf numFmtId="0" fontId="15" fillId="10" borderId="4" xfId="0" applyFont="1" applyFill="1" applyBorder="1" applyAlignment="1">
      <alignment horizontal="left" vertical="center"/>
    </xf>
    <xf numFmtId="0" fontId="15" fillId="11" borderId="11" xfId="0" applyFont="1" applyFill="1" applyBorder="1" applyAlignment="1">
      <alignment vertical="center"/>
    </xf>
    <xf numFmtId="0" fontId="15" fillId="9" borderId="13" xfId="0" applyFont="1" applyFill="1" applyBorder="1" applyAlignment="1">
      <alignment horizontal="left" vertical="center"/>
    </xf>
    <xf numFmtId="0" fontId="15" fillId="8" borderId="22" xfId="0" applyFont="1" applyFill="1" applyBorder="1" applyAlignment="1">
      <alignment horizontal="left" vertical="center"/>
    </xf>
    <xf numFmtId="0" fontId="15" fillId="9" borderId="14" xfId="0" applyFont="1" applyFill="1" applyBorder="1" applyAlignment="1">
      <alignment vertical="center"/>
    </xf>
    <xf numFmtId="0" fontId="15" fillId="12" borderId="8" xfId="0" applyFont="1" applyFill="1" applyBorder="1" applyAlignment="1">
      <alignment horizontal="left" vertical="center"/>
    </xf>
    <xf numFmtId="0" fontId="15" fillId="12" borderId="9" xfId="0" applyFont="1" applyFill="1" applyBorder="1" applyAlignment="1">
      <alignment vertical="center"/>
    </xf>
    <xf numFmtId="0" fontId="15" fillId="12" borderId="1" xfId="0" applyFont="1" applyFill="1" applyBorder="1" applyAlignment="1">
      <alignment horizontal="left" vertical="center"/>
    </xf>
    <xf numFmtId="0" fontId="15" fillId="12" borderId="11" xfId="0" applyFont="1" applyFill="1" applyBorder="1" applyAlignment="1">
      <alignment vertical="center"/>
    </xf>
    <xf numFmtId="0" fontId="15" fillId="12" borderId="4" xfId="0" applyFont="1" applyFill="1" applyBorder="1" applyAlignment="1">
      <alignment horizontal="left" vertical="center"/>
    </xf>
    <xf numFmtId="0" fontId="13" fillId="12" borderId="4" xfId="0" applyFont="1" applyFill="1" applyBorder="1" applyAlignment="1">
      <alignment horizontal="left" vertical="center"/>
    </xf>
    <xf numFmtId="0" fontId="15" fillId="13" borderId="11" xfId="0" applyFont="1" applyFill="1" applyBorder="1" applyAlignment="1">
      <alignment vertical="center"/>
    </xf>
    <xf numFmtId="0" fontId="15" fillId="12" borderId="13" xfId="0" applyFont="1" applyFill="1" applyBorder="1" applyAlignment="1">
      <alignment horizontal="left" vertical="center"/>
    </xf>
    <xf numFmtId="0" fontId="15" fillId="12" borderId="14" xfId="0" applyFont="1" applyFill="1" applyBorder="1" applyAlignment="1">
      <alignment vertical="center"/>
    </xf>
    <xf numFmtId="0" fontId="17" fillId="2" borderId="8" xfId="0" applyFont="1" applyFill="1" applyBorder="1" applyAlignment="1">
      <alignment horizontal="left" vertical="center"/>
    </xf>
    <xf numFmtId="0" fontId="15" fillId="2" borderId="21" xfId="0" applyFont="1" applyFill="1" applyBorder="1" applyAlignment="1">
      <alignment horizontal="left" vertical="center"/>
    </xf>
    <xf numFmtId="0" fontId="15" fillId="2" borderId="9" xfId="0" applyFont="1" applyFill="1" applyBorder="1" applyAlignment="1">
      <alignment vertical="center"/>
    </xf>
    <xf numFmtId="0" fontId="17" fillId="2" borderId="1" xfId="0" applyFont="1" applyFill="1" applyBorder="1" applyAlignment="1">
      <alignment horizontal="left" vertical="center"/>
    </xf>
    <xf numFmtId="0" fontId="15" fillId="2" borderId="4" xfId="0" applyFont="1" applyFill="1" applyBorder="1" applyAlignment="1">
      <alignment horizontal="left" vertical="center"/>
    </xf>
    <xf numFmtId="0" fontId="15" fillId="2" borderId="11" xfId="0" applyFont="1" applyFill="1" applyBorder="1" applyAlignment="1">
      <alignment vertical="center"/>
    </xf>
    <xf numFmtId="0" fontId="15" fillId="2" borderId="1" xfId="0" applyFont="1" applyFill="1" applyBorder="1" applyAlignment="1">
      <alignment horizontal="left" vertical="center"/>
    </xf>
    <xf numFmtId="0" fontId="15" fillId="4" borderId="4" xfId="0" applyFont="1" applyFill="1" applyBorder="1" applyAlignment="1">
      <alignment horizontal="left" vertical="center"/>
    </xf>
    <xf numFmtId="0" fontId="15" fillId="2" borderId="13" xfId="0" applyFont="1" applyFill="1" applyBorder="1" applyAlignment="1">
      <alignment horizontal="left" vertical="center"/>
    </xf>
    <xf numFmtId="0" fontId="15" fillId="2" borderId="22" xfId="0" applyFont="1" applyFill="1" applyBorder="1" applyAlignment="1">
      <alignment horizontal="left" vertical="center"/>
    </xf>
    <xf numFmtId="0" fontId="15" fillId="2" borderId="14" xfId="0" applyFont="1" applyFill="1" applyBorder="1" applyAlignment="1">
      <alignment vertical="center"/>
    </xf>
    <xf numFmtId="0" fontId="13" fillId="14" borderId="25" xfId="0" applyFont="1" applyFill="1" applyBorder="1" applyAlignment="1">
      <alignment horizontal="center" vertical="center"/>
    </xf>
    <xf numFmtId="0" fontId="13" fillId="14" borderId="8" xfId="0" applyFont="1" applyFill="1" applyBorder="1" applyAlignment="1">
      <alignment horizontal="center" vertical="center"/>
    </xf>
    <xf numFmtId="0" fontId="13" fillId="14" borderId="26" xfId="0" applyFont="1" applyFill="1" applyBorder="1" applyAlignment="1">
      <alignment horizontal="left" vertical="center"/>
    </xf>
    <xf numFmtId="0" fontId="13" fillId="14" borderId="8" xfId="0" applyFont="1" applyFill="1" applyBorder="1" applyAlignment="1">
      <alignment horizontal="left" vertical="center"/>
    </xf>
    <xf numFmtId="0" fontId="13" fillId="14" borderId="33" xfId="0" applyFont="1" applyFill="1" applyBorder="1" applyAlignment="1">
      <alignment horizontal="left" vertical="center"/>
    </xf>
    <xf numFmtId="0" fontId="15" fillId="14" borderId="27" xfId="0" applyFont="1" applyFill="1" applyBorder="1" applyAlignment="1">
      <alignment horizontal="left" vertical="center"/>
    </xf>
    <xf numFmtId="0" fontId="13" fillId="4" borderId="28" xfId="0" applyFont="1" applyFill="1" applyBorder="1" applyAlignment="1">
      <alignment horizontal="center" vertical="center"/>
    </xf>
    <xf numFmtId="0" fontId="13" fillId="4" borderId="29" xfId="0" applyFont="1" applyFill="1" applyBorder="1" applyAlignment="1">
      <alignment horizontal="center" vertical="center"/>
    </xf>
    <xf numFmtId="0" fontId="13" fillId="4" borderId="29" xfId="0" applyFont="1" applyFill="1" applyBorder="1" applyAlignment="1">
      <alignment horizontal="left" vertical="center"/>
    </xf>
    <xf numFmtId="0" fontId="15" fillId="4" borderId="30" xfId="0" applyFont="1" applyFill="1" applyBorder="1" applyAlignment="1">
      <alignment horizontal="left" vertical="center"/>
    </xf>
    <xf numFmtId="0" fontId="13" fillId="4" borderId="31" xfId="0" applyFont="1" applyFill="1" applyBorder="1" applyAlignment="1">
      <alignment vertical="center"/>
    </xf>
    <xf numFmtId="0" fontId="13" fillId="15" borderId="28" xfId="0" applyFont="1" applyFill="1" applyBorder="1" applyAlignment="1">
      <alignment horizontal="center" vertical="center"/>
    </xf>
    <xf numFmtId="0" fontId="13" fillId="15" borderId="29" xfId="0" applyFont="1" applyFill="1" applyBorder="1" applyAlignment="1">
      <alignment horizontal="center" vertical="center"/>
    </xf>
    <xf numFmtId="0" fontId="13" fillId="15" borderId="29" xfId="0" applyFont="1" applyFill="1" applyBorder="1" applyAlignment="1">
      <alignment horizontal="left" vertical="center" wrapText="1"/>
    </xf>
    <xf numFmtId="0" fontId="15" fillId="15" borderId="30" xfId="0" applyFont="1" applyFill="1" applyBorder="1" applyAlignment="1">
      <alignment horizontal="left" vertical="center" wrapText="1"/>
    </xf>
    <xf numFmtId="0" fontId="15" fillId="15" borderId="31" xfId="0" applyFont="1" applyFill="1" applyBorder="1" applyAlignment="1">
      <alignment vertical="center"/>
    </xf>
    <xf numFmtId="0" fontId="15" fillId="0" borderId="0" xfId="0" applyFont="1" applyAlignment="1">
      <alignment horizontal="left" vertical="center"/>
    </xf>
    <xf numFmtId="0" fontId="12" fillId="0" borderId="23" xfId="0" applyFont="1" applyBorder="1" applyAlignment="1">
      <alignment vertical="center" wrapText="1"/>
    </xf>
    <xf numFmtId="0" fontId="13" fillId="6" borderId="3" xfId="0" applyFont="1" applyFill="1" applyBorder="1" applyAlignment="1">
      <alignment horizontal="left" vertical="center"/>
    </xf>
    <xf numFmtId="0" fontId="15" fillId="10" borderId="1" xfId="0" applyFont="1" applyFill="1" applyBorder="1" applyAlignment="1">
      <alignment horizontal="left" vertical="center"/>
    </xf>
    <xf numFmtId="0" fontId="15" fillId="4" borderId="11" xfId="0" applyFont="1" applyFill="1" applyBorder="1" applyAlignment="1">
      <alignment vertical="center"/>
    </xf>
    <xf numFmtId="0" fontId="15" fillId="13" borderId="1" xfId="0" applyFont="1" applyFill="1" applyBorder="1" applyAlignment="1">
      <alignment horizontal="left" vertical="center"/>
    </xf>
    <xf numFmtId="0" fontId="15" fillId="5" borderId="1" xfId="0" applyFont="1" applyFill="1" applyBorder="1" applyAlignment="1">
      <alignment horizontal="left" vertical="center"/>
    </xf>
    <xf numFmtId="0" fontId="15" fillId="6" borderId="13" xfId="0" applyFont="1" applyFill="1" applyBorder="1" applyAlignment="1">
      <alignment horizontal="left" vertical="center"/>
    </xf>
    <xf numFmtId="0" fontId="13" fillId="7" borderId="8" xfId="0" applyFont="1" applyFill="1" applyBorder="1" applyAlignment="1">
      <alignment horizontal="left" vertical="center"/>
    </xf>
    <xf numFmtId="0" fontId="15" fillId="10" borderId="21" xfId="0" applyFont="1" applyFill="1" applyBorder="1" applyAlignment="1">
      <alignment horizontal="left" vertical="center"/>
    </xf>
    <xf numFmtId="0" fontId="13" fillId="7" borderId="1" xfId="0" applyFont="1" applyFill="1" applyBorder="1" applyAlignment="1">
      <alignment horizontal="left" vertical="center"/>
    </xf>
    <xf numFmtId="0" fontId="15" fillId="10" borderId="32" xfId="0" applyFont="1" applyFill="1" applyBorder="1" applyAlignment="1">
      <alignment horizontal="left" vertical="center"/>
    </xf>
    <xf numFmtId="0" fontId="17" fillId="7" borderId="1" xfId="0" applyFont="1" applyFill="1" applyBorder="1" applyAlignment="1">
      <alignment horizontal="left" vertical="center"/>
    </xf>
    <xf numFmtId="0" fontId="13" fillId="7" borderId="13" xfId="0" applyFont="1" applyFill="1" applyBorder="1" applyAlignment="1">
      <alignment horizontal="left" vertical="center"/>
    </xf>
    <xf numFmtId="0" fontId="15" fillId="4" borderId="14" xfId="0" applyFont="1" applyFill="1" applyBorder="1" applyAlignment="1">
      <alignment vertical="center"/>
    </xf>
    <xf numFmtId="0" fontId="13" fillId="9" borderId="8" xfId="0" applyFont="1" applyFill="1" applyBorder="1" applyAlignment="1">
      <alignment horizontal="left" vertical="center"/>
    </xf>
    <xf numFmtId="0" fontId="15" fillId="9" borderId="21" xfId="0" applyFont="1" applyFill="1" applyBorder="1" applyAlignment="1">
      <alignment horizontal="left" vertical="center"/>
    </xf>
    <xf numFmtId="0" fontId="15" fillId="9" borderId="9" xfId="0" applyFont="1" applyFill="1" applyBorder="1" applyAlignment="1">
      <alignment vertical="center"/>
    </xf>
    <xf numFmtId="0" fontId="13" fillId="9" borderId="1" xfId="0" applyFont="1" applyFill="1" applyBorder="1" applyAlignment="1">
      <alignment horizontal="left" vertical="center"/>
    </xf>
    <xf numFmtId="0" fontId="13" fillId="5" borderId="4" xfId="0" applyFont="1" applyFill="1" applyBorder="1" applyAlignment="1">
      <alignment horizontal="left" vertical="center"/>
    </xf>
    <xf numFmtId="0" fontId="13" fillId="9" borderId="4" xfId="0" applyFont="1" applyFill="1" applyBorder="1" applyAlignment="1">
      <alignment horizontal="left" vertical="center"/>
    </xf>
    <xf numFmtId="0" fontId="13" fillId="13" borderId="4" xfId="0" applyFont="1" applyFill="1" applyBorder="1" applyAlignment="1">
      <alignment horizontal="left" vertical="center"/>
    </xf>
    <xf numFmtId="0" fontId="13" fillId="3" borderId="4" xfId="0" applyFont="1" applyFill="1" applyBorder="1" applyAlignment="1">
      <alignment horizontal="left" vertical="center"/>
    </xf>
    <xf numFmtId="0" fontId="13" fillId="9" borderId="13" xfId="0" applyFont="1" applyFill="1" applyBorder="1" applyAlignment="1">
      <alignment horizontal="left" vertical="center"/>
    </xf>
    <xf numFmtId="0" fontId="13" fillId="12" borderId="8" xfId="0" applyFont="1" applyFill="1" applyBorder="1" applyAlignment="1">
      <alignment horizontal="left" vertical="center"/>
    </xf>
    <xf numFmtId="0" fontId="13" fillId="12" borderId="1" xfId="0" applyFont="1" applyFill="1" applyBorder="1" applyAlignment="1">
      <alignment horizontal="left" vertical="center"/>
    </xf>
    <xf numFmtId="0" fontId="13" fillId="12" borderId="13" xfId="0" applyFont="1" applyFill="1" applyBorder="1" applyAlignment="1">
      <alignment horizontal="left" vertical="center"/>
    </xf>
    <xf numFmtId="0" fontId="13" fillId="2" borderId="7" xfId="0" applyFont="1" applyFill="1" applyBorder="1" applyAlignment="1">
      <alignment horizontal="center" vertical="center"/>
    </xf>
    <xf numFmtId="0" fontId="13" fillId="2" borderId="8" xfId="0" applyFont="1" applyFill="1" applyBorder="1" applyAlignment="1">
      <alignment horizontal="center" vertical="center" wrapText="1"/>
    </xf>
    <xf numFmtId="0" fontId="13" fillId="2" borderId="8" xfId="0" applyFont="1" applyFill="1" applyBorder="1" applyAlignment="1">
      <alignment vertical="center"/>
    </xf>
    <xf numFmtId="0" fontId="13" fillId="2" borderId="21" xfId="0" applyFont="1" applyFill="1" applyBorder="1" applyAlignment="1">
      <alignment vertical="center"/>
    </xf>
    <xf numFmtId="0" fontId="13" fillId="14" borderId="8" xfId="0" applyFont="1" applyFill="1" applyBorder="1" applyAlignment="1">
      <alignment horizontal="center" vertical="center" wrapText="1"/>
    </xf>
    <xf numFmtId="0" fontId="13" fillId="14" borderId="8" xfId="0" applyFont="1" applyFill="1" applyBorder="1" applyAlignment="1">
      <alignment vertical="center"/>
    </xf>
    <xf numFmtId="0" fontId="13" fillId="14" borderId="21" xfId="0" applyFont="1" applyFill="1" applyBorder="1" applyAlignment="1">
      <alignment vertical="center" wrapText="1"/>
    </xf>
    <xf numFmtId="0" fontId="13" fillId="14" borderId="9" xfId="0" applyFont="1" applyFill="1" applyBorder="1" applyAlignment="1">
      <alignment vertical="center"/>
    </xf>
    <xf numFmtId="0" fontId="13" fillId="14" borderId="21" xfId="0" applyFont="1" applyFill="1" applyBorder="1" applyAlignment="1">
      <alignment vertical="center"/>
    </xf>
    <xf numFmtId="0" fontId="13" fillId="4" borderId="29" xfId="0" applyFont="1" applyFill="1" applyBorder="1" applyAlignment="1">
      <alignment vertical="center"/>
    </xf>
    <xf numFmtId="0" fontId="13" fillId="4" borderId="30" xfId="0" applyFont="1" applyFill="1" applyBorder="1" applyAlignment="1">
      <alignment vertical="center"/>
    </xf>
    <xf numFmtId="0" fontId="13" fillId="15" borderId="29" xfId="0" applyFont="1" applyFill="1" applyBorder="1" applyAlignment="1">
      <alignment vertical="center" wrapText="1"/>
    </xf>
    <xf numFmtId="0" fontId="13" fillId="15" borderId="30" xfId="0" applyFont="1" applyFill="1" applyBorder="1" applyAlignment="1">
      <alignment vertical="center" wrapText="1"/>
    </xf>
    <xf numFmtId="0" fontId="13" fillId="15" borderId="31" xfId="0" applyFont="1" applyFill="1" applyBorder="1" applyAlignment="1">
      <alignment vertical="center"/>
    </xf>
    <xf numFmtId="0" fontId="13" fillId="0" borderId="1" xfId="0" applyFont="1" applyBorder="1" applyAlignment="1">
      <alignment vertical="center"/>
    </xf>
    <xf numFmtId="0" fontId="13" fillId="13" borderId="1" xfId="0" applyFont="1" applyFill="1" applyBorder="1" applyAlignment="1">
      <alignment horizontal="left" vertical="center" wrapText="1"/>
    </xf>
    <xf numFmtId="0" fontId="13" fillId="2" borderId="7" xfId="0" applyFont="1" applyFill="1" applyBorder="1" applyAlignment="1">
      <alignment horizontal="center" vertical="center"/>
    </xf>
    <xf numFmtId="0" fontId="13" fillId="2" borderId="10" xfId="0" applyFont="1" applyFill="1" applyBorder="1" applyAlignment="1">
      <alignment horizontal="center" vertical="center"/>
    </xf>
    <xf numFmtId="0" fontId="13" fillId="2" borderId="12" xfId="0" applyFont="1" applyFill="1" applyBorder="1" applyAlignment="1">
      <alignment horizontal="center" vertical="center"/>
    </xf>
    <xf numFmtId="0" fontId="13" fillId="2" borderId="8" xfId="0" applyFont="1" applyFill="1" applyBorder="1" applyAlignment="1">
      <alignment horizontal="center" vertical="center" wrapText="1"/>
    </xf>
    <xf numFmtId="0" fontId="13" fillId="2" borderId="1" xfId="0" applyFont="1" applyFill="1" applyBorder="1" applyAlignment="1">
      <alignment horizontal="center" vertical="center" wrapText="1"/>
    </xf>
    <xf numFmtId="0" fontId="13" fillId="2" borderId="13" xfId="0" applyFont="1" applyFill="1" applyBorder="1" applyAlignment="1">
      <alignment horizontal="center" vertical="center" wrapText="1"/>
    </xf>
    <xf numFmtId="0" fontId="12" fillId="0" borderId="7" xfId="0" applyFont="1" applyFill="1" applyBorder="1" applyAlignment="1">
      <alignment horizontal="center" vertical="center"/>
    </xf>
    <xf numFmtId="0" fontId="13" fillId="0" borderId="34" xfId="0" applyFont="1" applyBorder="1">
      <alignment vertical="center"/>
    </xf>
    <xf numFmtId="0" fontId="14" fillId="4" borderId="10" xfId="0" applyFont="1" applyFill="1" applyBorder="1" applyAlignment="1">
      <alignment horizontal="center" vertical="center"/>
    </xf>
    <xf numFmtId="0" fontId="13" fillId="0" borderId="5" xfId="0" applyFont="1" applyBorder="1">
      <alignment vertical="center"/>
    </xf>
    <xf numFmtId="0" fontId="13" fillId="0" borderId="16" xfId="0" applyFont="1" applyBorder="1">
      <alignment vertical="center"/>
    </xf>
    <xf numFmtId="0" fontId="13" fillId="6" borderId="7" xfId="0" applyFont="1" applyFill="1" applyBorder="1" applyAlignment="1">
      <alignment horizontal="center" vertical="center"/>
    </xf>
    <xf numFmtId="0" fontId="13" fillId="6" borderId="10" xfId="0" applyFont="1" applyFill="1" applyBorder="1" applyAlignment="1">
      <alignment horizontal="center" vertical="center"/>
    </xf>
    <xf numFmtId="0" fontId="13" fillId="6" borderId="12" xfId="0" applyFont="1" applyFill="1" applyBorder="1" applyAlignment="1">
      <alignment horizontal="center" vertical="center"/>
    </xf>
    <xf numFmtId="0" fontId="13" fillId="6" borderId="8" xfId="0" applyFont="1" applyFill="1" applyBorder="1" applyAlignment="1">
      <alignment horizontal="center" vertical="center" wrapText="1"/>
    </xf>
    <xf numFmtId="0" fontId="13" fillId="6" borderId="1" xfId="0" applyFont="1" applyFill="1" applyBorder="1" applyAlignment="1">
      <alignment horizontal="center" vertical="center" wrapText="1"/>
    </xf>
    <xf numFmtId="0" fontId="13" fillId="6" borderId="13" xfId="0" applyFont="1" applyFill="1" applyBorder="1" applyAlignment="1">
      <alignment horizontal="center" vertical="center" wrapText="1"/>
    </xf>
    <xf numFmtId="0" fontId="13" fillId="7" borderId="7" xfId="0" applyFont="1" applyFill="1" applyBorder="1" applyAlignment="1">
      <alignment horizontal="center" vertical="center"/>
    </xf>
    <xf numFmtId="0" fontId="13" fillId="7" borderId="10" xfId="0" applyFont="1" applyFill="1" applyBorder="1" applyAlignment="1">
      <alignment horizontal="center" vertical="center"/>
    </xf>
    <xf numFmtId="0" fontId="13" fillId="7" borderId="12" xfId="0" applyFont="1" applyFill="1" applyBorder="1" applyAlignment="1">
      <alignment horizontal="center" vertical="center"/>
    </xf>
    <xf numFmtId="0" fontId="13" fillId="7" borderId="8" xfId="0" applyFont="1" applyFill="1" applyBorder="1" applyAlignment="1">
      <alignment horizontal="center" vertical="center" wrapText="1"/>
    </xf>
    <xf numFmtId="0" fontId="13" fillId="7" borderId="1" xfId="0" applyFont="1" applyFill="1" applyBorder="1" applyAlignment="1">
      <alignment horizontal="center" vertical="center" wrapText="1"/>
    </xf>
    <xf numFmtId="0" fontId="13" fillId="7" borderId="13" xfId="0" applyFont="1" applyFill="1" applyBorder="1" applyAlignment="1">
      <alignment horizontal="center" vertical="center" wrapText="1"/>
    </xf>
    <xf numFmtId="0" fontId="12" fillId="0" borderId="8" xfId="0" applyFont="1" applyFill="1" applyBorder="1" applyAlignment="1">
      <alignment horizontal="center" vertical="center"/>
    </xf>
    <xf numFmtId="0" fontId="12" fillId="0" borderId="9" xfId="0" applyFont="1" applyFill="1" applyBorder="1" applyAlignment="1">
      <alignment horizontal="center" vertical="center"/>
    </xf>
    <xf numFmtId="0" fontId="14" fillId="4" borderId="1" xfId="0" applyFont="1" applyFill="1" applyBorder="1" applyAlignment="1">
      <alignment horizontal="center" vertical="center"/>
    </xf>
    <xf numFmtId="0" fontId="14" fillId="4" borderId="11" xfId="0" applyFont="1" applyFill="1" applyBorder="1" applyAlignment="1">
      <alignment horizontal="center" vertical="center"/>
    </xf>
    <xf numFmtId="0" fontId="13" fillId="9" borderId="7" xfId="0" applyFont="1" applyFill="1" applyBorder="1" applyAlignment="1">
      <alignment horizontal="center" vertical="center"/>
    </xf>
    <xf numFmtId="0" fontId="13" fillId="9" borderId="10" xfId="0" applyFont="1" applyFill="1" applyBorder="1" applyAlignment="1">
      <alignment horizontal="center" vertical="center"/>
    </xf>
    <xf numFmtId="0" fontId="13" fillId="9" borderId="12" xfId="0" applyFont="1" applyFill="1" applyBorder="1" applyAlignment="1">
      <alignment horizontal="center" vertical="center"/>
    </xf>
    <xf numFmtId="0" fontId="13" fillId="9" borderId="8" xfId="0" applyFont="1" applyFill="1" applyBorder="1" applyAlignment="1">
      <alignment horizontal="center" vertical="center" wrapText="1"/>
    </xf>
    <xf numFmtId="0" fontId="13" fillId="9" borderId="1" xfId="0" applyFont="1" applyFill="1" applyBorder="1" applyAlignment="1">
      <alignment horizontal="center" vertical="center" wrapText="1"/>
    </xf>
    <xf numFmtId="0" fontId="13" fillId="9" borderId="13" xfId="0" applyFont="1" applyFill="1" applyBorder="1" applyAlignment="1">
      <alignment horizontal="center" vertical="center" wrapText="1"/>
    </xf>
    <xf numFmtId="0" fontId="13" fillId="12" borderId="7" xfId="0" applyFont="1" applyFill="1" applyBorder="1" applyAlignment="1">
      <alignment horizontal="center" vertical="center"/>
    </xf>
    <xf numFmtId="0" fontId="13" fillId="12" borderId="10" xfId="0" applyFont="1" applyFill="1" applyBorder="1" applyAlignment="1">
      <alignment horizontal="center" vertical="center"/>
    </xf>
    <xf numFmtId="0" fontId="13" fillId="12" borderId="12" xfId="0" applyFont="1" applyFill="1" applyBorder="1" applyAlignment="1">
      <alignment horizontal="center" vertical="center"/>
    </xf>
    <xf numFmtId="0" fontId="13" fillId="12" borderId="8" xfId="0" applyFont="1" applyFill="1" applyBorder="1" applyAlignment="1">
      <alignment horizontal="center" vertical="center" wrapText="1"/>
    </xf>
    <xf numFmtId="0" fontId="13" fillId="12" borderId="1" xfId="0" applyFont="1" applyFill="1" applyBorder="1" applyAlignment="1">
      <alignment horizontal="center" vertical="center" wrapText="1"/>
    </xf>
    <xf numFmtId="0" fontId="13" fillId="12" borderId="13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/>
    </xf>
    <xf numFmtId="0" fontId="9" fillId="4" borderId="1" xfId="0" applyFont="1" applyFill="1" applyBorder="1" applyAlignment="1">
      <alignment horizontal="center" vertical="center"/>
    </xf>
    <xf numFmtId="0" fontId="2" fillId="6" borderId="7" xfId="0" applyFont="1" applyFill="1" applyBorder="1" applyAlignment="1">
      <alignment horizontal="center" vertical="center"/>
    </xf>
    <xf numFmtId="0" fontId="2" fillId="6" borderId="10" xfId="0" applyFont="1" applyFill="1" applyBorder="1" applyAlignment="1">
      <alignment horizontal="center" vertical="center"/>
    </xf>
    <xf numFmtId="0" fontId="2" fillId="6" borderId="19" xfId="0" applyFont="1" applyFill="1" applyBorder="1" applyAlignment="1">
      <alignment horizontal="center" vertical="center"/>
    </xf>
    <xf numFmtId="0" fontId="2" fillId="6" borderId="8" xfId="0" applyFont="1" applyFill="1" applyBorder="1" applyAlignment="1">
      <alignment horizontal="center" vertical="center" wrapText="1"/>
    </xf>
    <xf numFmtId="0" fontId="2" fillId="6" borderId="1" xfId="0" applyFont="1" applyFill="1" applyBorder="1" applyAlignment="1">
      <alignment horizontal="center" vertical="center" wrapText="1"/>
    </xf>
    <xf numFmtId="0" fontId="2" fillId="6" borderId="2" xfId="0" applyFont="1" applyFill="1" applyBorder="1" applyAlignment="1">
      <alignment horizontal="center" vertical="center" wrapText="1"/>
    </xf>
    <xf numFmtId="0" fontId="2" fillId="7" borderId="7" xfId="0" applyFont="1" applyFill="1" applyBorder="1" applyAlignment="1">
      <alignment horizontal="center" vertical="center"/>
    </xf>
    <xf numFmtId="0" fontId="2" fillId="7" borderId="10" xfId="0" applyFont="1" applyFill="1" applyBorder="1" applyAlignment="1">
      <alignment horizontal="center" vertical="center"/>
    </xf>
    <xf numFmtId="0" fontId="2" fillId="7" borderId="12" xfId="0" applyFont="1" applyFill="1" applyBorder="1" applyAlignment="1">
      <alignment horizontal="center" vertical="center"/>
    </xf>
    <xf numFmtId="0" fontId="2" fillId="7" borderId="8" xfId="0" applyFont="1" applyFill="1" applyBorder="1" applyAlignment="1">
      <alignment horizontal="center" vertical="center" wrapText="1"/>
    </xf>
    <xf numFmtId="0" fontId="2" fillId="7" borderId="1" xfId="0" applyFont="1" applyFill="1" applyBorder="1" applyAlignment="1">
      <alignment horizontal="center" vertical="center" wrapText="1"/>
    </xf>
    <xf numFmtId="0" fontId="2" fillId="7" borderId="13" xfId="0" applyFont="1" applyFill="1" applyBorder="1" applyAlignment="1">
      <alignment horizontal="center" vertical="center" wrapText="1"/>
    </xf>
    <xf numFmtId="0" fontId="2" fillId="6" borderId="12" xfId="0" applyFont="1" applyFill="1" applyBorder="1" applyAlignment="1">
      <alignment horizontal="center" vertical="center"/>
    </xf>
    <xf numFmtId="0" fontId="2" fillId="6" borderId="13" xfId="0" applyFont="1" applyFill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9" defaultPivotStyle="PivotStyleLight16"/>
  <colors>
    <mruColors>
      <color rgb="FFFF66FF"/>
      <color rgb="FF00FF00"/>
      <color rgb="FF00FFFF"/>
      <color rgb="FFFF99FF"/>
      <color rgb="FFF2DCD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3"/>
  <dimension ref="A1:J166"/>
  <sheetViews>
    <sheetView tabSelected="1" topLeftCell="A117" zoomScale="130" zoomScaleNormal="130" workbookViewId="0">
      <selection activeCell="E129" sqref="E129"/>
    </sheetView>
  </sheetViews>
  <sheetFormatPr defaultColWidth="22.6640625" defaultRowHeight="12" customHeight="1"/>
  <cols>
    <col min="1" max="1" width="6" style="31" bestFit="1" customWidth="1"/>
    <col min="2" max="2" width="8.44140625" style="32" customWidth="1"/>
    <col min="3" max="3" width="19.44140625" style="31" customWidth="1"/>
    <col min="4" max="4" width="19.77734375" style="33" bestFit="1" customWidth="1"/>
    <col min="5" max="5" width="47.21875" style="108" bestFit="1" customWidth="1"/>
    <col min="6" max="6" width="73.77734375" style="108" bestFit="1" customWidth="1"/>
    <col min="7" max="7" width="54.77734375" style="31" customWidth="1"/>
    <col min="8" max="8" width="22.6640625" style="32"/>
    <col min="9" max="10" width="22.6640625" style="33"/>
    <col min="11" max="16384" width="22.6640625" style="32"/>
  </cols>
  <sheetData>
    <row r="1" spans="1:6" ht="12" customHeight="1">
      <c r="A1" s="157" t="s">
        <v>233</v>
      </c>
      <c r="B1" s="158"/>
      <c r="C1" s="158"/>
      <c r="D1" s="158"/>
      <c r="E1" s="158"/>
      <c r="F1" s="158"/>
    </row>
    <row r="2" spans="1:6" ht="12" customHeight="1">
      <c r="A2" s="159" t="s">
        <v>13</v>
      </c>
      <c r="B2" s="160"/>
      <c r="C2" s="160"/>
      <c r="D2" s="160"/>
      <c r="E2" s="160"/>
      <c r="F2" s="161"/>
    </row>
    <row r="3" spans="1:6" ht="12" customHeight="1" thickBot="1">
      <c r="A3" s="34"/>
      <c r="B3" s="35" t="s">
        <v>536</v>
      </c>
      <c r="C3" s="36"/>
      <c r="D3" s="35" t="s">
        <v>14</v>
      </c>
      <c r="E3" s="35" t="s">
        <v>531</v>
      </c>
      <c r="F3" s="37" t="s">
        <v>530</v>
      </c>
    </row>
    <row r="4" spans="1:6" ht="12" customHeight="1">
      <c r="A4" s="162" t="s">
        <v>16</v>
      </c>
      <c r="B4" s="165" t="s">
        <v>660</v>
      </c>
      <c r="C4" s="165" t="s">
        <v>236</v>
      </c>
      <c r="D4" s="38" t="s">
        <v>237</v>
      </c>
      <c r="E4" s="39" t="s">
        <v>238</v>
      </c>
      <c r="F4" s="40" t="s">
        <v>538</v>
      </c>
    </row>
    <row r="5" spans="1:6" ht="12" customHeight="1">
      <c r="A5" s="163"/>
      <c r="B5" s="166"/>
      <c r="C5" s="166"/>
      <c r="D5" s="41" t="s">
        <v>239</v>
      </c>
      <c r="E5" s="42" t="s">
        <v>240</v>
      </c>
      <c r="F5" s="43" t="s">
        <v>539</v>
      </c>
    </row>
    <row r="6" spans="1:6" ht="12" customHeight="1">
      <c r="A6" s="163"/>
      <c r="B6" s="166"/>
      <c r="C6" s="166"/>
      <c r="D6" s="41" t="s">
        <v>241</v>
      </c>
      <c r="E6" s="42" t="s">
        <v>242</v>
      </c>
      <c r="F6" s="43" t="s">
        <v>540</v>
      </c>
    </row>
    <row r="7" spans="1:6" ht="12" customHeight="1">
      <c r="A7" s="163"/>
      <c r="B7" s="166"/>
      <c r="C7" s="166"/>
      <c r="D7" s="41" t="s">
        <v>243</v>
      </c>
      <c r="E7" s="42" t="s">
        <v>100</v>
      </c>
      <c r="F7" s="43" t="s">
        <v>541</v>
      </c>
    </row>
    <row r="8" spans="1:6" ht="12" customHeight="1">
      <c r="A8" s="163"/>
      <c r="B8" s="166"/>
      <c r="C8" s="166"/>
      <c r="D8" s="41" t="s">
        <v>244</v>
      </c>
      <c r="E8" s="42" t="s">
        <v>533</v>
      </c>
      <c r="F8" s="43" t="s">
        <v>542</v>
      </c>
    </row>
    <row r="9" spans="1:6" ht="12" customHeight="1">
      <c r="A9" s="163"/>
      <c r="B9" s="166"/>
      <c r="C9" s="166"/>
      <c r="D9" s="41" t="s">
        <v>245</v>
      </c>
      <c r="E9" s="42" t="s">
        <v>532</v>
      </c>
      <c r="F9" s="43" t="s">
        <v>543</v>
      </c>
    </row>
    <row r="10" spans="1:6" ht="12" customHeight="1">
      <c r="A10" s="163"/>
      <c r="B10" s="166"/>
      <c r="C10" s="166"/>
      <c r="D10" s="44" t="s">
        <v>246</v>
      </c>
      <c r="E10" s="42" t="s">
        <v>247</v>
      </c>
      <c r="F10" s="43" t="s">
        <v>544</v>
      </c>
    </row>
    <row r="11" spans="1:6" ht="12" customHeight="1">
      <c r="A11" s="163"/>
      <c r="B11" s="166"/>
      <c r="C11" s="166"/>
      <c r="D11" s="41" t="s">
        <v>248</v>
      </c>
      <c r="E11" s="42" t="s">
        <v>535</v>
      </c>
      <c r="F11" s="43" t="s">
        <v>545</v>
      </c>
    </row>
    <row r="12" spans="1:6" ht="12" customHeight="1">
      <c r="A12" s="163"/>
      <c r="B12" s="166"/>
      <c r="C12" s="166"/>
      <c r="D12" s="44" t="s">
        <v>249</v>
      </c>
      <c r="E12" s="42" t="s">
        <v>534</v>
      </c>
      <c r="F12" s="43" t="s">
        <v>546</v>
      </c>
    </row>
    <row r="13" spans="1:6" ht="12" customHeight="1">
      <c r="A13" s="163"/>
      <c r="B13" s="166"/>
      <c r="C13" s="166"/>
      <c r="D13" s="44" t="s">
        <v>250</v>
      </c>
      <c r="E13" s="42" t="s">
        <v>251</v>
      </c>
      <c r="F13" s="43" t="s">
        <v>547</v>
      </c>
    </row>
    <row r="14" spans="1:6" ht="12" customHeight="1">
      <c r="A14" s="163"/>
      <c r="B14" s="166"/>
      <c r="C14" s="166"/>
      <c r="D14" s="41" t="s">
        <v>252</v>
      </c>
      <c r="E14" s="42" t="s">
        <v>253</v>
      </c>
      <c r="F14" s="43" t="s">
        <v>548</v>
      </c>
    </row>
    <row r="15" spans="1:6" ht="12" customHeight="1">
      <c r="A15" s="163"/>
      <c r="B15" s="166"/>
      <c r="C15" s="166"/>
      <c r="D15" s="41" t="s">
        <v>254</v>
      </c>
      <c r="E15" s="45" t="s">
        <v>255</v>
      </c>
      <c r="F15" s="46" t="s">
        <v>549</v>
      </c>
    </row>
    <row r="16" spans="1:6" ht="12" customHeight="1">
      <c r="A16" s="163"/>
      <c r="B16" s="166"/>
      <c r="C16" s="166"/>
      <c r="D16" s="41" t="s">
        <v>256</v>
      </c>
      <c r="E16" s="42" t="s">
        <v>257</v>
      </c>
      <c r="F16" s="43" t="s">
        <v>550</v>
      </c>
    </row>
    <row r="17" spans="1:6" ht="12" customHeight="1">
      <c r="A17" s="163"/>
      <c r="B17" s="166"/>
      <c r="C17" s="166"/>
      <c r="D17" s="44" t="s">
        <v>258</v>
      </c>
      <c r="E17" s="45" t="s">
        <v>259</v>
      </c>
      <c r="F17" s="46" t="s">
        <v>551</v>
      </c>
    </row>
    <row r="18" spans="1:6" ht="12" customHeight="1">
      <c r="A18" s="163"/>
      <c r="B18" s="166"/>
      <c r="C18" s="166"/>
      <c r="D18" s="41" t="s">
        <v>260</v>
      </c>
      <c r="E18" s="45" t="s">
        <v>261</v>
      </c>
      <c r="F18" s="43" t="s">
        <v>552</v>
      </c>
    </row>
    <row r="19" spans="1:6" ht="12" customHeight="1" thickBot="1">
      <c r="A19" s="164"/>
      <c r="B19" s="167"/>
      <c r="C19" s="167"/>
      <c r="D19" s="47" t="s">
        <v>262</v>
      </c>
      <c r="E19" s="48" t="s">
        <v>263</v>
      </c>
      <c r="F19" s="49" t="s">
        <v>553</v>
      </c>
    </row>
    <row r="20" spans="1:6" ht="12" customHeight="1">
      <c r="A20" s="168" t="s">
        <v>132</v>
      </c>
      <c r="B20" s="171" t="s">
        <v>661</v>
      </c>
      <c r="C20" s="171" t="s">
        <v>264</v>
      </c>
      <c r="D20" s="50" t="s">
        <v>265</v>
      </c>
      <c r="E20" s="51" t="s">
        <v>266</v>
      </c>
      <c r="F20" s="52" t="s">
        <v>554</v>
      </c>
    </row>
    <row r="21" spans="1:6" ht="12" customHeight="1">
      <c r="A21" s="169"/>
      <c r="B21" s="172"/>
      <c r="C21" s="172"/>
      <c r="D21" s="53" t="s">
        <v>267</v>
      </c>
      <c r="E21" s="54" t="s">
        <v>268</v>
      </c>
      <c r="F21" s="55" t="s">
        <v>555</v>
      </c>
    </row>
    <row r="22" spans="1:6" ht="12" customHeight="1">
      <c r="A22" s="169"/>
      <c r="B22" s="172"/>
      <c r="C22" s="172"/>
      <c r="D22" s="53" t="s">
        <v>269</v>
      </c>
      <c r="E22" s="54" t="s">
        <v>270</v>
      </c>
      <c r="F22" s="55" t="s">
        <v>556</v>
      </c>
    </row>
    <row r="23" spans="1:6" ht="12" customHeight="1">
      <c r="A23" s="169"/>
      <c r="B23" s="172"/>
      <c r="C23" s="172"/>
      <c r="D23" s="53" t="s">
        <v>271</v>
      </c>
      <c r="E23" s="54" t="s">
        <v>272</v>
      </c>
      <c r="F23" s="55" t="s">
        <v>557</v>
      </c>
    </row>
    <row r="24" spans="1:6" ht="12" customHeight="1">
      <c r="A24" s="169"/>
      <c r="B24" s="172"/>
      <c r="C24" s="172"/>
      <c r="D24" s="53" t="s">
        <v>273</v>
      </c>
      <c r="E24" s="54" t="s">
        <v>274</v>
      </c>
      <c r="F24" s="55" t="s">
        <v>558</v>
      </c>
    </row>
    <row r="25" spans="1:6" ht="12" customHeight="1">
      <c r="A25" s="169"/>
      <c r="B25" s="172"/>
      <c r="C25" s="172"/>
      <c r="D25" s="53" t="s">
        <v>275</v>
      </c>
      <c r="E25" s="54" t="s">
        <v>276</v>
      </c>
      <c r="F25" s="55" t="s">
        <v>559</v>
      </c>
    </row>
    <row r="26" spans="1:6" ht="12" customHeight="1">
      <c r="A26" s="169"/>
      <c r="B26" s="172"/>
      <c r="C26" s="172"/>
      <c r="D26" s="53" t="s">
        <v>277</v>
      </c>
      <c r="E26" s="54" t="s">
        <v>278</v>
      </c>
      <c r="F26" s="55" t="s">
        <v>225</v>
      </c>
    </row>
    <row r="27" spans="1:6" ht="12" customHeight="1">
      <c r="A27" s="169"/>
      <c r="B27" s="172"/>
      <c r="C27" s="172"/>
      <c r="D27" s="53" t="s">
        <v>279</v>
      </c>
      <c r="E27" s="54" t="s">
        <v>278</v>
      </c>
      <c r="F27" s="55" t="s">
        <v>225</v>
      </c>
    </row>
    <row r="28" spans="1:6" ht="12" customHeight="1">
      <c r="A28" s="169"/>
      <c r="B28" s="172"/>
      <c r="C28" s="172"/>
      <c r="D28" s="53" t="s">
        <v>280</v>
      </c>
      <c r="E28" s="56" t="s">
        <v>281</v>
      </c>
      <c r="F28" s="55" t="s">
        <v>560</v>
      </c>
    </row>
    <row r="29" spans="1:6" ht="12" customHeight="1">
      <c r="A29" s="169"/>
      <c r="B29" s="172"/>
      <c r="C29" s="172"/>
      <c r="D29" s="53" t="s">
        <v>282</v>
      </c>
      <c r="E29" s="56" t="s">
        <v>283</v>
      </c>
      <c r="F29" s="55" t="s">
        <v>561</v>
      </c>
    </row>
    <row r="30" spans="1:6" ht="12" customHeight="1">
      <c r="A30" s="169"/>
      <c r="B30" s="172"/>
      <c r="C30" s="172"/>
      <c r="D30" s="53" t="s">
        <v>284</v>
      </c>
      <c r="E30" s="54" t="s">
        <v>285</v>
      </c>
      <c r="F30" s="55" t="s">
        <v>562</v>
      </c>
    </row>
    <row r="31" spans="1:6" ht="12" customHeight="1">
      <c r="A31" s="169"/>
      <c r="B31" s="172"/>
      <c r="C31" s="172"/>
      <c r="D31" s="53" t="s">
        <v>286</v>
      </c>
      <c r="E31" s="54" t="s">
        <v>287</v>
      </c>
      <c r="F31" s="55" t="s">
        <v>563</v>
      </c>
    </row>
    <row r="32" spans="1:6" ht="12" customHeight="1">
      <c r="A32" s="169"/>
      <c r="B32" s="172"/>
      <c r="C32" s="172"/>
      <c r="D32" s="53" t="s">
        <v>288</v>
      </c>
      <c r="E32" s="56" t="s">
        <v>289</v>
      </c>
      <c r="F32" s="55" t="s">
        <v>564</v>
      </c>
    </row>
    <row r="33" spans="1:6" ht="12" customHeight="1">
      <c r="A33" s="169"/>
      <c r="B33" s="172"/>
      <c r="C33" s="172"/>
      <c r="D33" s="53" t="s">
        <v>290</v>
      </c>
      <c r="E33" s="54" t="s">
        <v>291</v>
      </c>
      <c r="F33" s="55" t="s">
        <v>565</v>
      </c>
    </row>
    <row r="34" spans="1:6" ht="12" customHeight="1">
      <c r="A34" s="169"/>
      <c r="B34" s="172"/>
      <c r="C34" s="172"/>
      <c r="D34" s="53" t="s">
        <v>292</v>
      </c>
      <c r="E34" s="54" t="s">
        <v>293</v>
      </c>
      <c r="F34" s="55" t="s">
        <v>566</v>
      </c>
    </row>
    <row r="35" spans="1:6" ht="12" customHeight="1" thickBot="1">
      <c r="A35" s="170"/>
      <c r="B35" s="173"/>
      <c r="C35" s="173"/>
      <c r="D35" s="57" t="s">
        <v>294</v>
      </c>
      <c r="E35" s="58" t="s">
        <v>295</v>
      </c>
      <c r="F35" s="59" t="s">
        <v>567</v>
      </c>
    </row>
    <row r="36" spans="1:6" ht="12" customHeight="1">
      <c r="A36" s="178" t="s">
        <v>296</v>
      </c>
      <c r="B36" s="181" t="s">
        <v>662</v>
      </c>
      <c r="C36" s="181" t="s">
        <v>297</v>
      </c>
      <c r="D36" s="60" t="s">
        <v>298</v>
      </c>
      <c r="E36" s="61" t="s">
        <v>299</v>
      </c>
      <c r="F36" s="62" t="s">
        <v>568</v>
      </c>
    </row>
    <row r="37" spans="1:6" ht="12" customHeight="1">
      <c r="A37" s="179"/>
      <c r="B37" s="182"/>
      <c r="C37" s="182"/>
      <c r="D37" s="63" t="s">
        <v>300</v>
      </c>
      <c r="E37" s="64" t="s">
        <v>301</v>
      </c>
      <c r="F37" s="65" t="s">
        <v>569</v>
      </c>
    </row>
    <row r="38" spans="1:6" ht="12" customHeight="1">
      <c r="A38" s="179"/>
      <c r="B38" s="182"/>
      <c r="C38" s="182"/>
      <c r="D38" s="63" t="s">
        <v>302</v>
      </c>
      <c r="E38" s="56" t="s">
        <v>303</v>
      </c>
      <c r="F38" s="65" t="s">
        <v>570</v>
      </c>
    </row>
    <row r="39" spans="1:6" ht="12" customHeight="1">
      <c r="A39" s="179"/>
      <c r="B39" s="182"/>
      <c r="C39" s="182"/>
      <c r="D39" s="63" t="s">
        <v>304</v>
      </c>
      <c r="E39" s="56" t="s">
        <v>305</v>
      </c>
      <c r="F39" s="65" t="s">
        <v>571</v>
      </c>
    </row>
    <row r="40" spans="1:6" ht="12" customHeight="1">
      <c r="A40" s="179"/>
      <c r="B40" s="182"/>
      <c r="C40" s="182"/>
      <c r="D40" s="63" t="s">
        <v>306</v>
      </c>
      <c r="E40" s="56" t="s">
        <v>307</v>
      </c>
      <c r="F40" s="65" t="s">
        <v>572</v>
      </c>
    </row>
    <row r="41" spans="1:6" ht="12" customHeight="1">
      <c r="A41" s="179"/>
      <c r="B41" s="182"/>
      <c r="C41" s="182"/>
      <c r="D41" s="63" t="s">
        <v>308</v>
      </c>
      <c r="E41" s="56" t="s">
        <v>309</v>
      </c>
      <c r="F41" s="65" t="s">
        <v>573</v>
      </c>
    </row>
    <row r="42" spans="1:6" ht="12" customHeight="1">
      <c r="A42" s="179"/>
      <c r="B42" s="182"/>
      <c r="C42" s="182"/>
      <c r="D42" s="63" t="s">
        <v>310</v>
      </c>
      <c r="E42" s="56" t="s">
        <v>311</v>
      </c>
      <c r="F42" s="65" t="s">
        <v>574</v>
      </c>
    </row>
    <row r="43" spans="1:6" ht="12" customHeight="1">
      <c r="A43" s="179"/>
      <c r="B43" s="182"/>
      <c r="C43" s="182"/>
      <c r="D43" s="63" t="s">
        <v>312</v>
      </c>
      <c r="E43" s="56" t="s">
        <v>313</v>
      </c>
      <c r="F43" s="65" t="s">
        <v>575</v>
      </c>
    </row>
    <row r="44" spans="1:6" ht="12" customHeight="1">
      <c r="A44" s="179"/>
      <c r="B44" s="182"/>
      <c r="C44" s="182"/>
      <c r="D44" s="66" t="s">
        <v>314</v>
      </c>
      <c r="E44" s="64" t="s">
        <v>315</v>
      </c>
      <c r="F44" s="65" t="s">
        <v>576</v>
      </c>
    </row>
    <row r="45" spans="1:6" ht="12" customHeight="1">
      <c r="A45" s="179"/>
      <c r="B45" s="182"/>
      <c r="C45" s="182"/>
      <c r="D45" s="66" t="s">
        <v>316</v>
      </c>
      <c r="E45" s="64" t="s">
        <v>317</v>
      </c>
      <c r="F45" s="65" t="s">
        <v>577</v>
      </c>
    </row>
    <row r="46" spans="1:6" ht="12" customHeight="1">
      <c r="A46" s="179"/>
      <c r="B46" s="182"/>
      <c r="C46" s="182"/>
      <c r="D46" s="63" t="s">
        <v>318</v>
      </c>
      <c r="E46" s="64" t="s">
        <v>319</v>
      </c>
      <c r="F46" s="65" t="s">
        <v>578</v>
      </c>
    </row>
    <row r="47" spans="1:6" ht="12" customHeight="1">
      <c r="A47" s="179"/>
      <c r="B47" s="182"/>
      <c r="C47" s="182"/>
      <c r="D47" s="63" t="s">
        <v>320</v>
      </c>
      <c r="E47" s="64" t="s">
        <v>321</v>
      </c>
      <c r="F47" s="65" t="s">
        <v>579</v>
      </c>
    </row>
    <row r="48" spans="1:6" ht="12" customHeight="1">
      <c r="A48" s="179"/>
      <c r="B48" s="182"/>
      <c r="C48" s="182"/>
      <c r="D48" s="63" t="s">
        <v>322</v>
      </c>
      <c r="E48" s="67" t="s">
        <v>323</v>
      </c>
      <c r="F48" s="65" t="s">
        <v>580</v>
      </c>
    </row>
    <row r="49" spans="1:6" ht="12" customHeight="1">
      <c r="A49" s="179"/>
      <c r="B49" s="182"/>
      <c r="C49" s="182"/>
      <c r="D49" s="63" t="s">
        <v>324</v>
      </c>
      <c r="E49" s="67" t="s">
        <v>325</v>
      </c>
      <c r="F49" s="65" t="s">
        <v>581</v>
      </c>
    </row>
    <row r="50" spans="1:6" ht="12" customHeight="1">
      <c r="A50" s="179"/>
      <c r="B50" s="182"/>
      <c r="C50" s="182"/>
      <c r="D50" s="63" t="s">
        <v>326</v>
      </c>
      <c r="E50" s="64" t="s">
        <v>327</v>
      </c>
      <c r="F50" s="68" t="s">
        <v>582</v>
      </c>
    </row>
    <row r="51" spans="1:6" ht="12" customHeight="1" thickBot="1">
      <c r="A51" s="180"/>
      <c r="B51" s="183"/>
      <c r="C51" s="183"/>
      <c r="D51" s="69" t="s">
        <v>328</v>
      </c>
      <c r="E51" s="70" t="s">
        <v>329</v>
      </c>
      <c r="F51" s="71" t="s">
        <v>583</v>
      </c>
    </row>
    <row r="52" spans="1:6" ht="12" customHeight="1">
      <c r="A52" s="184" t="s">
        <v>330</v>
      </c>
      <c r="B52" s="187" t="s">
        <v>663</v>
      </c>
      <c r="C52" s="187" t="s">
        <v>331</v>
      </c>
      <c r="D52" s="72" t="s">
        <v>332</v>
      </c>
      <c r="E52" s="72" t="s">
        <v>333</v>
      </c>
      <c r="F52" s="73" t="s">
        <v>584</v>
      </c>
    </row>
    <row r="53" spans="1:6" ht="12" customHeight="1">
      <c r="A53" s="185"/>
      <c r="B53" s="188"/>
      <c r="C53" s="188"/>
      <c r="D53" s="74" t="s">
        <v>334</v>
      </c>
      <c r="E53" s="74" t="s">
        <v>335</v>
      </c>
      <c r="F53" s="75" t="s">
        <v>585</v>
      </c>
    </row>
    <row r="54" spans="1:6" ht="12" customHeight="1">
      <c r="A54" s="185"/>
      <c r="B54" s="188"/>
      <c r="C54" s="188"/>
      <c r="D54" s="74" t="s">
        <v>336</v>
      </c>
      <c r="E54" s="74" t="s">
        <v>337</v>
      </c>
      <c r="F54" s="75" t="s">
        <v>586</v>
      </c>
    </row>
    <row r="55" spans="1:6" ht="12" customHeight="1">
      <c r="A55" s="185"/>
      <c r="B55" s="188"/>
      <c r="C55" s="188"/>
      <c r="D55" s="74" t="s">
        <v>338</v>
      </c>
      <c r="E55" s="74" t="s">
        <v>339</v>
      </c>
      <c r="F55" s="75" t="s">
        <v>587</v>
      </c>
    </row>
    <row r="56" spans="1:6" ht="12" customHeight="1">
      <c r="A56" s="185"/>
      <c r="B56" s="188"/>
      <c r="C56" s="188"/>
      <c r="D56" s="74" t="s">
        <v>340</v>
      </c>
      <c r="E56" s="74" t="s">
        <v>341</v>
      </c>
      <c r="F56" s="75" t="s">
        <v>588</v>
      </c>
    </row>
    <row r="57" spans="1:6" ht="12" customHeight="1">
      <c r="A57" s="185"/>
      <c r="B57" s="188"/>
      <c r="C57" s="188"/>
      <c r="D57" s="74" t="s">
        <v>342</v>
      </c>
      <c r="E57" s="76" t="s">
        <v>343</v>
      </c>
      <c r="F57" s="75" t="s">
        <v>589</v>
      </c>
    </row>
    <row r="58" spans="1:6" ht="12" customHeight="1">
      <c r="A58" s="185"/>
      <c r="B58" s="188"/>
      <c r="C58" s="188"/>
      <c r="D58" s="74" t="s">
        <v>344</v>
      </c>
      <c r="E58" s="76" t="s">
        <v>345</v>
      </c>
      <c r="F58" s="75" t="s">
        <v>590</v>
      </c>
    </row>
    <row r="59" spans="1:6" ht="12" customHeight="1">
      <c r="A59" s="185"/>
      <c r="B59" s="188"/>
      <c r="C59" s="188"/>
      <c r="D59" s="74" t="s">
        <v>346</v>
      </c>
      <c r="E59" s="77" t="s">
        <v>347</v>
      </c>
      <c r="F59" s="75" t="s">
        <v>591</v>
      </c>
    </row>
    <row r="60" spans="1:6" ht="12" customHeight="1">
      <c r="A60" s="185"/>
      <c r="B60" s="188"/>
      <c r="C60" s="188"/>
      <c r="D60" s="74" t="s">
        <v>348</v>
      </c>
      <c r="E60" s="76" t="s">
        <v>349</v>
      </c>
      <c r="F60" s="68" t="s">
        <v>592</v>
      </c>
    </row>
    <row r="61" spans="1:6" ht="12" customHeight="1">
      <c r="A61" s="185"/>
      <c r="B61" s="188"/>
      <c r="C61" s="188"/>
      <c r="D61" s="74" t="s">
        <v>350</v>
      </c>
      <c r="E61" s="77" t="s">
        <v>278</v>
      </c>
      <c r="F61" s="75" t="s">
        <v>225</v>
      </c>
    </row>
    <row r="62" spans="1:6" ht="12" customHeight="1">
      <c r="A62" s="185"/>
      <c r="B62" s="188"/>
      <c r="C62" s="188"/>
      <c r="D62" s="74" t="s">
        <v>351</v>
      </c>
      <c r="E62" s="76" t="s">
        <v>352</v>
      </c>
      <c r="F62" s="78" t="s">
        <v>593</v>
      </c>
    </row>
    <row r="63" spans="1:6" ht="12" customHeight="1">
      <c r="A63" s="185"/>
      <c r="B63" s="188"/>
      <c r="C63" s="188"/>
      <c r="D63" s="74" t="s">
        <v>353</v>
      </c>
      <c r="E63" s="76" t="s">
        <v>354</v>
      </c>
      <c r="F63" s="75" t="s">
        <v>594</v>
      </c>
    </row>
    <row r="64" spans="1:6" ht="12" customHeight="1">
      <c r="A64" s="185"/>
      <c r="B64" s="188"/>
      <c r="C64" s="188"/>
      <c r="D64" s="74" t="s">
        <v>355</v>
      </c>
      <c r="E64" s="76" t="s">
        <v>121</v>
      </c>
      <c r="F64" s="75" t="s">
        <v>595</v>
      </c>
    </row>
    <row r="65" spans="1:6" ht="12" customHeight="1">
      <c r="A65" s="185"/>
      <c r="B65" s="188"/>
      <c r="C65" s="188"/>
      <c r="D65" s="74" t="s">
        <v>356</v>
      </c>
      <c r="E65" s="76" t="s">
        <v>124</v>
      </c>
      <c r="F65" s="75" t="s">
        <v>596</v>
      </c>
    </row>
    <row r="66" spans="1:6" ht="12" customHeight="1">
      <c r="A66" s="185"/>
      <c r="B66" s="188"/>
      <c r="C66" s="188"/>
      <c r="D66" s="74" t="s">
        <v>357</v>
      </c>
      <c r="E66" s="76" t="s">
        <v>127</v>
      </c>
      <c r="F66" s="75" t="s">
        <v>597</v>
      </c>
    </row>
    <row r="67" spans="1:6" ht="12" customHeight="1" thickBot="1">
      <c r="A67" s="186"/>
      <c r="B67" s="189"/>
      <c r="C67" s="189"/>
      <c r="D67" s="79" t="s">
        <v>358</v>
      </c>
      <c r="E67" s="76" t="s">
        <v>130</v>
      </c>
      <c r="F67" s="80" t="s">
        <v>598</v>
      </c>
    </row>
    <row r="68" spans="1:6" ht="12" customHeight="1">
      <c r="A68" s="151" t="s">
        <v>359</v>
      </c>
      <c r="B68" s="154" t="s">
        <v>664</v>
      </c>
      <c r="C68" s="154" t="s">
        <v>360</v>
      </c>
      <c r="D68" s="81" t="s">
        <v>361</v>
      </c>
      <c r="E68" s="82" t="s">
        <v>362</v>
      </c>
      <c r="F68" s="83" t="s">
        <v>599</v>
      </c>
    </row>
    <row r="69" spans="1:6" ht="12" customHeight="1">
      <c r="A69" s="152"/>
      <c r="B69" s="155"/>
      <c r="C69" s="155"/>
      <c r="D69" s="84" t="s">
        <v>363</v>
      </c>
      <c r="E69" s="85" t="s">
        <v>364</v>
      </c>
      <c r="F69" s="86" t="s">
        <v>600</v>
      </c>
    </row>
    <row r="70" spans="1:6" ht="12" customHeight="1">
      <c r="A70" s="152"/>
      <c r="B70" s="155"/>
      <c r="C70" s="155"/>
      <c r="D70" s="84" t="s">
        <v>365</v>
      </c>
      <c r="E70" s="85" t="s">
        <v>366</v>
      </c>
      <c r="F70" s="86" t="s">
        <v>601</v>
      </c>
    </row>
    <row r="71" spans="1:6" ht="12" customHeight="1">
      <c r="A71" s="152"/>
      <c r="B71" s="155"/>
      <c r="C71" s="155"/>
      <c r="D71" s="84" t="s">
        <v>367</v>
      </c>
      <c r="E71" s="85" t="s">
        <v>368</v>
      </c>
      <c r="F71" s="86" t="s">
        <v>602</v>
      </c>
    </row>
    <row r="72" spans="1:6" ht="12" customHeight="1">
      <c r="A72" s="152"/>
      <c r="B72" s="155"/>
      <c r="C72" s="155"/>
      <c r="D72" s="87" t="s">
        <v>369</v>
      </c>
      <c r="E72" s="85" t="s">
        <v>370</v>
      </c>
      <c r="F72" s="86" t="s">
        <v>603</v>
      </c>
    </row>
    <row r="73" spans="1:6" ht="12" customHeight="1">
      <c r="A73" s="152"/>
      <c r="B73" s="155"/>
      <c r="C73" s="155"/>
      <c r="D73" s="87" t="s">
        <v>371</v>
      </c>
      <c r="E73" s="85" t="s">
        <v>372</v>
      </c>
      <c r="F73" s="86" t="s">
        <v>604</v>
      </c>
    </row>
    <row r="74" spans="1:6" ht="12" customHeight="1">
      <c r="A74" s="152"/>
      <c r="B74" s="155"/>
      <c r="C74" s="155"/>
      <c r="D74" s="84" t="s">
        <v>373</v>
      </c>
      <c r="E74" s="85" t="s">
        <v>374</v>
      </c>
      <c r="F74" s="86" t="s">
        <v>605</v>
      </c>
    </row>
    <row r="75" spans="1:6" ht="12" customHeight="1">
      <c r="A75" s="152"/>
      <c r="B75" s="155"/>
      <c r="C75" s="155"/>
      <c r="D75" s="84" t="s">
        <v>375</v>
      </c>
      <c r="E75" s="85" t="s">
        <v>376</v>
      </c>
      <c r="F75" s="86" t="s">
        <v>606</v>
      </c>
    </row>
    <row r="76" spans="1:6" ht="12" customHeight="1">
      <c r="A76" s="152"/>
      <c r="B76" s="155"/>
      <c r="C76" s="155"/>
      <c r="D76" s="84" t="s">
        <v>377</v>
      </c>
      <c r="E76" s="88" t="s">
        <v>378</v>
      </c>
      <c r="F76" s="86" t="s">
        <v>607</v>
      </c>
    </row>
    <row r="77" spans="1:6" ht="12" customHeight="1">
      <c r="A77" s="152"/>
      <c r="B77" s="155"/>
      <c r="C77" s="155"/>
      <c r="D77" s="87" t="s">
        <v>379</v>
      </c>
      <c r="E77" s="85" t="s">
        <v>278</v>
      </c>
      <c r="F77" s="86" t="s">
        <v>225</v>
      </c>
    </row>
    <row r="78" spans="1:6" ht="12" customHeight="1">
      <c r="A78" s="152"/>
      <c r="B78" s="155"/>
      <c r="C78" s="155"/>
      <c r="D78" s="87" t="s">
        <v>380</v>
      </c>
      <c r="E78" s="85" t="s">
        <v>278</v>
      </c>
      <c r="F78" s="86" t="s">
        <v>225</v>
      </c>
    </row>
    <row r="79" spans="1:6" ht="12" customHeight="1">
      <c r="A79" s="152"/>
      <c r="B79" s="155"/>
      <c r="C79" s="155"/>
      <c r="D79" s="87" t="s">
        <v>381</v>
      </c>
      <c r="E79" s="85" t="s">
        <v>382</v>
      </c>
      <c r="F79" s="86" t="s">
        <v>608</v>
      </c>
    </row>
    <row r="80" spans="1:6" ht="12" customHeight="1">
      <c r="A80" s="152"/>
      <c r="B80" s="155"/>
      <c r="C80" s="155"/>
      <c r="D80" s="84" t="s">
        <v>383</v>
      </c>
      <c r="E80" s="85" t="s">
        <v>384</v>
      </c>
      <c r="F80" s="86" t="s">
        <v>609</v>
      </c>
    </row>
    <row r="81" spans="1:7" ht="12" customHeight="1">
      <c r="A81" s="152"/>
      <c r="B81" s="155"/>
      <c r="C81" s="155"/>
      <c r="D81" s="87" t="s">
        <v>385</v>
      </c>
      <c r="E81" s="85" t="s">
        <v>352</v>
      </c>
      <c r="F81" s="78" t="s">
        <v>593</v>
      </c>
    </row>
    <row r="82" spans="1:7" ht="12" customHeight="1">
      <c r="A82" s="152"/>
      <c r="B82" s="155"/>
      <c r="C82" s="155"/>
      <c r="D82" s="87" t="s">
        <v>386</v>
      </c>
      <c r="E82" s="85" t="s">
        <v>278</v>
      </c>
      <c r="F82" s="86" t="s">
        <v>225</v>
      </c>
    </row>
    <row r="83" spans="1:7" ht="12" customHeight="1" thickBot="1">
      <c r="A83" s="153"/>
      <c r="B83" s="156"/>
      <c r="C83" s="156"/>
      <c r="D83" s="89" t="s">
        <v>387</v>
      </c>
      <c r="E83" s="90" t="s">
        <v>278</v>
      </c>
      <c r="F83" s="91" t="s">
        <v>225</v>
      </c>
    </row>
    <row r="84" spans="1:7" ht="12" customHeight="1" thickBot="1">
      <c r="A84" s="92" t="s">
        <v>388</v>
      </c>
      <c r="B84" s="93" t="s">
        <v>389</v>
      </c>
      <c r="C84" s="93" t="s">
        <v>390</v>
      </c>
      <c r="D84" s="94" t="s">
        <v>389</v>
      </c>
      <c r="E84" s="95" t="s">
        <v>391</v>
      </c>
      <c r="F84" s="96" t="s">
        <v>665</v>
      </c>
    </row>
    <row r="85" spans="1:7" ht="12" customHeight="1" thickBot="1">
      <c r="A85" s="92" t="s">
        <v>392</v>
      </c>
      <c r="B85" s="93" t="s">
        <v>3</v>
      </c>
      <c r="C85" s="93" t="s">
        <v>393</v>
      </c>
      <c r="D85" s="94" t="s">
        <v>394</v>
      </c>
      <c r="E85" s="97" t="s">
        <v>395</v>
      </c>
      <c r="F85" s="96" t="s">
        <v>666</v>
      </c>
    </row>
    <row r="86" spans="1:7" ht="12" customHeight="1" thickBot="1">
      <c r="A86" s="98" t="s">
        <v>0</v>
      </c>
      <c r="B86" s="99" t="s">
        <v>8</v>
      </c>
      <c r="C86" s="99" t="s">
        <v>396</v>
      </c>
      <c r="D86" s="100" t="s">
        <v>397</v>
      </c>
      <c r="E86" s="101" t="s">
        <v>398</v>
      </c>
      <c r="F86" s="102" t="s">
        <v>667</v>
      </c>
    </row>
    <row r="87" spans="1:7" ht="12" customHeight="1" thickBot="1">
      <c r="A87" s="98" t="s">
        <v>1</v>
      </c>
      <c r="B87" s="99" t="s">
        <v>399</v>
      </c>
      <c r="C87" s="99" t="s">
        <v>400</v>
      </c>
      <c r="D87" s="100" t="s">
        <v>401</v>
      </c>
      <c r="E87" s="101" t="s">
        <v>402</v>
      </c>
      <c r="F87" s="102" t="s">
        <v>668</v>
      </c>
    </row>
    <row r="88" spans="1:7" ht="12" customHeight="1" thickBot="1">
      <c r="A88" s="103" t="s">
        <v>2</v>
      </c>
      <c r="B88" s="104" t="s">
        <v>9</v>
      </c>
      <c r="C88" s="104" t="s">
        <v>403</v>
      </c>
      <c r="D88" s="105" t="s">
        <v>404</v>
      </c>
      <c r="E88" s="106"/>
      <c r="F88" s="107" t="s">
        <v>405</v>
      </c>
    </row>
    <row r="89" spans="1:7" ht="12" customHeight="1" thickBot="1"/>
    <row r="90" spans="1:7" ht="12" customHeight="1">
      <c r="A90" s="157" t="s">
        <v>233</v>
      </c>
      <c r="B90" s="174"/>
      <c r="C90" s="174"/>
      <c r="D90" s="174"/>
      <c r="E90" s="174"/>
      <c r="F90" s="175"/>
      <c r="G90" s="32"/>
    </row>
    <row r="91" spans="1:7" ht="12" customHeight="1">
      <c r="A91" s="159" t="s">
        <v>610</v>
      </c>
      <c r="B91" s="176"/>
      <c r="C91" s="176"/>
      <c r="D91" s="176"/>
      <c r="E91" s="176"/>
      <c r="F91" s="177"/>
      <c r="G91" s="32"/>
    </row>
    <row r="92" spans="1:7" ht="12" customHeight="1" thickBot="1">
      <c r="A92" s="34"/>
      <c r="B92" s="35" t="s">
        <v>537</v>
      </c>
      <c r="C92" s="109"/>
      <c r="D92" s="35" t="s">
        <v>14</v>
      </c>
      <c r="E92" s="35" t="s">
        <v>234</v>
      </c>
      <c r="F92" s="37" t="s">
        <v>235</v>
      </c>
      <c r="G92" s="32"/>
    </row>
    <row r="93" spans="1:7" ht="12" customHeight="1">
      <c r="A93" s="162" t="s">
        <v>16</v>
      </c>
      <c r="B93" s="165" t="s">
        <v>658</v>
      </c>
      <c r="C93" s="165" t="s">
        <v>406</v>
      </c>
      <c r="D93" s="38" t="s">
        <v>407</v>
      </c>
      <c r="E93" s="39" t="s">
        <v>408</v>
      </c>
      <c r="F93" s="40" t="s">
        <v>611</v>
      </c>
      <c r="G93" s="32"/>
    </row>
    <row r="94" spans="1:7" ht="12" customHeight="1">
      <c r="A94" s="163"/>
      <c r="B94" s="166"/>
      <c r="C94" s="166"/>
      <c r="D94" s="110" t="s">
        <v>409</v>
      </c>
      <c r="E94" s="42" t="s">
        <v>410</v>
      </c>
      <c r="F94" s="43" t="s">
        <v>612</v>
      </c>
      <c r="G94" s="32"/>
    </row>
    <row r="95" spans="1:7" ht="12" customHeight="1">
      <c r="A95" s="163"/>
      <c r="B95" s="166"/>
      <c r="C95" s="166"/>
      <c r="D95" s="110" t="s">
        <v>411</v>
      </c>
      <c r="E95" s="42" t="s">
        <v>412</v>
      </c>
      <c r="F95" s="43" t="s">
        <v>613</v>
      </c>
      <c r="G95" s="32"/>
    </row>
    <row r="96" spans="1:7" ht="12" customHeight="1">
      <c r="A96" s="163"/>
      <c r="B96" s="166"/>
      <c r="C96" s="166"/>
      <c r="D96" s="110" t="s">
        <v>413</v>
      </c>
      <c r="E96" s="42" t="s">
        <v>414</v>
      </c>
      <c r="F96" s="43" t="s">
        <v>614</v>
      </c>
      <c r="G96" s="32"/>
    </row>
    <row r="97" spans="1:7" ht="12" customHeight="1">
      <c r="A97" s="163"/>
      <c r="B97" s="166"/>
      <c r="C97" s="166"/>
      <c r="D97" s="110" t="s">
        <v>415</v>
      </c>
      <c r="E97" s="111" t="s">
        <v>416</v>
      </c>
      <c r="F97" s="112" t="s">
        <v>615</v>
      </c>
      <c r="G97" s="32"/>
    </row>
    <row r="98" spans="1:7" ht="12" customHeight="1">
      <c r="A98" s="163"/>
      <c r="B98" s="166"/>
      <c r="C98" s="166"/>
      <c r="D98" s="110" t="s">
        <v>417</v>
      </c>
      <c r="E98" s="111" t="s">
        <v>418</v>
      </c>
      <c r="F98" s="112" t="s">
        <v>616</v>
      </c>
      <c r="G98" s="32"/>
    </row>
    <row r="99" spans="1:7" ht="12" customHeight="1">
      <c r="A99" s="163"/>
      <c r="B99" s="166"/>
      <c r="C99" s="166"/>
      <c r="D99" s="110" t="s">
        <v>419</v>
      </c>
      <c r="E99" s="111" t="s">
        <v>420</v>
      </c>
      <c r="F99" s="112" t="s">
        <v>617</v>
      </c>
      <c r="G99" s="32"/>
    </row>
    <row r="100" spans="1:7" ht="12" customHeight="1">
      <c r="A100" s="163"/>
      <c r="B100" s="166"/>
      <c r="C100" s="166"/>
      <c r="D100" s="110" t="s">
        <v>421</v>
      </c>
      <c r="E100" s="42" t="s">
        <v>179</v>
      </c>
      <c r="F100" s="43" t="s">
        <v>618</v>
      </c>
      <c r="G100" s="32"/>
    </row>
    <row r="101" spans="1:7" ht="12" customHeight="1">
      <c r="A101" s="163"/>
      <c r="B101" s="166"/>
      <c r="C101" s="166"/>
      <c r="D101" s="110" t="s">
        <v>422</v>
      </c>
      <c r="E101" s="113" t="s">
        <v>423</v>
      </c>
      <c r="F101" s="43" t="s">
        <v>619</v>
      </c>
      <c r="G101" s="32"/>
    </row>
    <row r="102" spans="1:7" ht="12" customHeight="1">
      <c r="A102" s="163"/>
      <c r="B102" s="166"/>
      <c r="C102" s="166"/>
      <c r="D102" s="110" t="s">
        <v>424</v>
      </c>
      <c r="E102" s="113" t="s">
        <v>425</v>
      </c>
      <c r="F102" s="43" t="s">
        <v>620</v>
      </c>
      <c r="G102" s="32"/>
    </row>
    <row r="103" spans="1:7" ht="12" customHeight="1">
      <c r="A103" s="163"/>
      <c r="B103" s="166"/>
      <c r="C103" s="166"/>
      <c r="D103" s="44" t="s">
        <v>426</v>
      </c>
      <c r="E103" s="42" t="s">
        <v>427</v>
      </c>
      <c r="F103" s="43" t="s">
        <v>621</v>
      </c>
      <c r="G103" s="32"/>
    </row>
    <row r="104" spans="1:7" ht="12" customHeight="1">
      <c r="A104" s="163"/>
      <c r="B104" s="166"/>
      <c r="C104" s="166"/>
      <c r="D104" s="110" t="s">
        <v>428</v>
      </c>
      <c r="E104" s="114" t="s">
        <v>429</v>
      </c>
      <c r="F104" s="43" t="s">
        <v>622</v>
      </c>
      <c r="G104" s="32"/>
    </row>
    <row r="105" spans="1:7" ht="12" customHeight="1">
      <c r="A105" s="163"/>
      <c r="B105" s="166"/>
      <c r="C105" s="166"/>
      <c r="D105" s="110" t="s">
        <v>430</v>
      </c>
      <c r="E105" s="42" t="s">
        <v>278</v>
      </c>
      <c r="F105" s="43" t="s">
        <v>96</v>
      </c>
      <c r="G105" s="32"/>
    </row>
    <row r="106" spans="1:7" ht="12" customHeight="1">
      <c r="A106" s="163"/>
      <c r="B106" s="166"/>
      <c r="C106" s="166"/>
      <c r="D106" s="110" t="s">
        <v>431</v>
      </c>
      <c r="E106" s="42" t="s">
        <v>432</v>
      </c>
      <c r="F106" s="43" t="s">
        <v>623</v>
      </c>
      <c r="G106" s="32"/>
    </row>
    <row r="107" spans="1:7" ht="12" customHeight="1">
      <c r="A107" s="163"/>
      <c r="B107" s="166"/>
      <c r="C107" s="166"/>
      <c r="D107" s="110" t="s">
        <v>433</v>
      </c>
      <c r="E107" s="42" t="s">
        <v>278</v>
      </c>
      <c r="F107" s="43" t="s">
        <v>96</v>
      </c>
      <c r="G107" s="32"/>
    </row>
    <row r="108" spans="1:7" ht="12" customHeight="1" thickBot="1">
      <c r="A108" s="164"/>
      <c r="B108" s="167"/>
      <c r="C108" s="167"/>
      <c r="D108" s="110" t="s">
        <v>434</v>
      </c>
      <c r="E108" s="115" t="s">
        <v>278</v>
      </c>
      <c r="F108" s="49" t="s">
        <v>435</v>
      </c>
      <c r="G108" s="32"/>
    </row>
    <row r="109" spans="1:7" ht="12" customHeight="1">
      <c r="A109" s="168" t="s">
        <v>132</v>
      </c>
      <c r="B109" s="171" t="s">
        <v>657</v>
      </c>
      <c r="C109" s="171" t="s">
        <v>436</v>
      </c>
      <c r="D109" s="116" t="s">
        <v>437</v>
      </c>
      <c r="E109" s="117" t="s">
        <v>438</v>
      </c>
      <c r="F109" s="52" t="s">
        <v>624</v>
      </c>
      <c r="G109" s="32"/>
    </row>
    <row r="110" spans="1:7" ht="12" customHeight="1">
      <c r="A110" s="169"/>
      <c r="B110" s="172"/>
      <c r="C110" s="172"/>
      <c r="D110" s="118" t="s">
        <v>439</v>
      </c>
      <c r="E110" s="119" t="s">
        <v>440</v>
      </c>
      <c r="F110" s="55" t="s">
        <v>625</v>
      </c>
      <c r="G110" s="32"/>
    </row>
    <row r="111" spans="1:7" ht="12" customHeight="1">
      <c r="A111" s="169"/>
      <c r="B111" s="172"/>
      <c r="C111" s="172"/>
      <c r="D111" s="118" t="s">
        <v>441</v>
      </c>
      <c r="E111" s="119" t="s">
        <v>4</v>
      </c>
      <c r="F111" s="55" t="s">
        <v>626</v>
      </c>
      <c r="G111" s="32"/>
    </row>
    <row r="112" spans="1:7" ht="12" customHeight="1">
      <c r="A112" s="169"/>
      <c r="B112" s="172"/>
      <c r="C112" s="172"/>
      <c r="D112" s="118" t="s">
        <v>442</v>
      </c>
      <c r="E112" s="119" t="s">
        <v>5</v>
      </c>
      <c r="F112" s="55" t="s">
        <v>627</v>
      </c>
      <c r="G112" s="32"/>
    </row>
    <row r="113" spans="1:7" ht="12" customHeight="1">
      <c r="A113" s="169"/>
      <c r="B113" s="172"/>
      <c r="C113" s="172"/>
      <c r="D113" s="118" t="s">
        <v>443</v>
      </c>
      <c r="E113" s="119" t="s">
        <v>6</v>
      </c>
      <c r="F113" s="55" t="s">
        <v>628</v>
      </c>
      <c r="G113" s="32"/>
    </row>
    <row r="114" spans="1:7" ht="12" customHeight="1">
      <c r="A114" s="169"/>
      <c r="B114" s="172"/>
      <c r="C114" s="172"/>
      <c r="D114" s="118" t="s">
        <v>444</v>
      </c>
      <c r="E114" s="119" t="s">
        <v>7</v>
      </c>
      <c r="F114" s="55" t="s">
        <v>629</v>
      </c>
      <c r="G114" s="32"/>
    </row>
    <row r="115" spans="1:7" ht="12" customHeight="1">
      <c r="A115" s="169"/>
      <c r="B115" s="172"/>
      <c r="C115" s="172"/>
      <c r="D115" s="118" t="s">
        <v>445</v>
      </c>
      <c r="E115" s="54" t="s">
        <v>278</v>
      </c>
      <c r="F115" s="55" t="s">
        <v>225</v>
      </c>
      <c r="G115" s="32"/>
    </row>
    <row r="116" spans="1:7" ht="12" customHeight="1">
      <c r="A116" s="169"/>
      <c r="B116" s="172"/>
      <c r="C116" s="172"/>
      <c r="D116" s="118" t="s">
        <v>446</v>
      </c>
      <c r="E116" s="54" t="s">
        <v>278</v>
      </c>
      <c r="F116" s="55" t="s">
        <v>225</v>
      </c>
      <c r="G116" s="32"/>
    </row>
    <row r="117" spans="1:7" ht="12" customHeight="1">
      <c r="A117" s="169"/>
      <c r="B117" s="172"/>
      <c r="C117" s="172"/>
      <c r="D117" s="118" t="s">
        <v>447</v>
      </c>
      <c r="E117" s="54" t="s">
        <v>448</v>
      </c>
      <c r="F117" s="112" t="s">
        <v>630</v>
      </c>
      <c r="G117" s="32"/>
    </row>
    <row r="118" spans="1:7" ht="12" customHeight="1">
      <c r="A118" s="169"/>
      <c r="B118" s="172"/>
      <c r="C118" s="172"/>
      <c r="D118" s="118" t="s">
        <v>449</v>
      </c>
      <c r="E118" s="54" t="s">
        <v>675</v>
      </c>
      <c r="F118" s="112" t="s">
        <v>631</v>
      </c>
      <c r="G118" s="32"/>
    </row>
    <row r="119" spans="1:7" ht="12" customHeight="1">
      <c r="A119" s="169"/>
      <c r="B119" s="172"/>
      <c r="C119" s="172"/>
      <c r="D119" s="118" t="s">
        <v>450</v>
      </c>
      <c r="E119" s="54" t="s">
        <v>451</v>
      </c>
      <c r="F119" s="112" t="s">
        <v>632</v>
      </c>
      <c r="G119" s="32"/>
    </row>
    <row r="120" spans="1:7" ht="12" customHeight="1">
      <c r="A120" s="169"/>
      <c r="B120" s="172"/>
      <c r="C120" s="172"/>
      <c r="D120" s="118" t="s">
        <v>452</v>
      </c>
      <c r="E120" s="54" t="s">
        <v>278</v>
      </c>
      <c r="F120" s="55" t="s">
        <v>225</v>
      </c>
      <c r="G120" s="32"/>
    </row>
    <row r="121" spans="1:7" ht="12" customHeight="1">
      <c r="A121" s="169"/>
      <c r="B121" s="172"/>
      <c r="C121" s="172"/>
      <c r="D121" s="118" t="s">
        <v>453</v>
      </c>
      <c r="E121" s="54" t="s">
        <v>454</v>
      </c>
      <c r="F121" s="112" t="s">
        <v>633</v>
      </c>
      <c r="G121" s="32" t="s">
        <v>656</v>
      </c>
    </row>
    <row r="122" spans="1:7" ht="12" customHeight="1">
      <c r="A122" s="169"/>
      <c r="B122" s="172"/>
      <c r="C122" s="172"/>
      <c r="D122" s="118" t="s">
        <v>455</v>
      </c>
      <c r="E122" s="54" t="s">
        <v>278</v>
      </c>
      <c r="F122" s="55" t="s">
        <v>225</v>
      </c>
      <c r="G122" s="32"/>
    </row>
    <row r="123" spans="1:7" ht="12" customHeight="1">
      <c r="A123" s="169"/>
      <c r="B123" s="172"/>
      <c r="C123" s="172"/>
      <c r="D123" s="120" t="s">
        <v>456</v>
      </c>
      <c r="E123" s="54" t="s">
        <v>457</v>
      </c>
      <c r="F123" s="112" t="s">
        <v>634</v>
      </c>
      <c r="G123" s="32"/>
    </row>
    <row r="124" spans="1:7" ht="12" customHeight="1" thickBot="1">
      <c r="A124" s="170"/>
      <c r="B124" s="173"/>
      <c r="C124" s="173"/>
      <c r="D124" s="121" t="s">
        <v>458</v>
      </c>
      <c r="E124" s="58" t="s">
        <v>459</v>
      </c>
      <c r="F124" s="122" t="s">
        <v>635</v>
      </c>
      <c r="G124" s="32"/>
    </row>
    <row r="125" spans="1:7" ht="12" customHeight="1">
      <c r="A125" s="178" t="s">
        <v>296</v>
      </c>
      <c r="B125" s="181" t="s">
        <v>460</v>
      </c>
      <c r="C125" s="181" t="s">
        <v>461</v>
      </c>
      <c r="D125" s="123" t="s">
        <v>462</v>
      </c>
      <c r="E125" s="124" t="s">
        <v>463</v>
      </c>
      <c r="F125" s="125" t="s">
        <v>636</v>
      </c>
      <c r="G125" s="32"/>
    </row>
    <row r="126" spans="1:7" ht="12" customHeight="1">
      <c r="A126" s="179"/>
      <c r="B126" s="182"/>
      <c r="C126" s="182"/>
      <c r="D126" s="126" t="s">
        <v>464</v>
      </c>
      <c r="E126" s="127" t="s">
        <v>465</v>
      </c>
      <c r="F126" s="65" t="s">
        <v>637</v>
      </c>
      <c r="G126" s="32"/>
    </row>
    <row r="127" spans="1:7" ht="12" customHeight="1">
      <c r="A127" s="179"/>
      <c r="B127" s="182"/>
      <c r="C127" s="182"/>
      <c r="D127" s="126" t="s">
        <v>466</v>
      </c>
      <c r="E127" s="127" t="s">
        <v>467</v>
      </c>
      <c r="F127" s="65" t="s">
        <v>638</v>
      </c>
      <c r="G127" s="32"/>
    </row>
    <row r="128" spans="1:7" ht="12" customHeight="1">
      <c r="A128" s="179"/>
      <c r="B128" s="182"/>
      <c r="C128" s="182"/>
      <c r="D128" s="126" t="s">
        <v>468</v>
      </c>
      <c r="E128" s="128" t="s">
        <v>278</v>
      </c>
      <c r="F128" s="65" t="s">
        <v>96</v>
      </c>
      <c r="G128" s="32"/>
    </row>
    <row r="129" spans="1:7" ht="12" customHeight="1">
      <c r="A129" s="179"/>
      <c r="B129" s="182"/>
      <c r="C129" s="182"/>
      <c r="D129" s="126" t="s">
        <v>469</v>
      </c>
      <c r="E129" s="128" t="s">
        <v>278</v>
      </c>
      <c r="F129" s="65" t="s">
        <v>96</v>
      </c>
      <c r="G129" s="32"/>
    </row>
    <row r="130" spans="1:7" ht="12" customHeight="1">
      <c r="A130" s="179"/>
      <c r="B130" s="182"/>
      <c r="C130" s="182"/>
      <c r="D130" s="126" t="s">
        <v>470</v>
      </c>
      <c r="E130" s="129" t="s">
        <v>676</v>
      </c>
      <c r="F130" s="65" t="s">
        <v>674</v>
      </c>
      <c r="G130" s="32"/>
    </row>
    <row r="131" spans="1:7" ht="12" customHeight="1">
      <c r="A131" s="179"/>
      <c r="B131" s="182"/>
      <c r="C131" s="182"/>
      <c r="D131" s="126" t="s">
        <v>471</v>
      </c>
      <c r="E131" s="128" t="s">
        <v>278</v>
      </c>
      <c r="F131" s="65" t="s">
        <v>96</v>
      </c>
      <c r="G131" s="32"/>
    </row>
    <row r="132" spans="1:7" ht="12" customHeight="1">
      <c r="A132" s="179"/>
      <c r="B132" s="182"/>
      <c r="C132" s="182"/>
      <c r="D132" s="126" t="s">
        <v>472</v>
      </c>
      <c r="E132" s="128" t="s">
        <v>278</v>
      </c>
      <c r="F132" s="65" t="s">
        <v>96</v>
      </c>
      <c r="G132" s="32"/>
    </row>
    <row r="133" spans="1:7" ht="12" customHeight="1">
      <c r="A133" s="179"/>
      <c r="B133" s="182"/>
      <c r="C133" s="182"/>
      <c r="D133" s="126" t="s">
        <v>473</v>
      </c>
      <c r="E133" s="127" t="s">
        <v>677</v>
      </c>
      <c r="F133" s="65" t="s">
        <v>639</v>
      </c>
      <c r="G133" s="32"/>
    </row>
    <row r="134" spans="1:7" ht="12" customHeight="1">
      <c r="A134" s="179"/>
      <c r="B134" s="182"/>
      <c r="C134" s="182"/>
      <c r="D134" s="126" t="s">
        <v>474</v>
      </c>
      <c r="E134" s="129" t="s">
        <v>678</v>
      </c>
      <c r="F134" s="65" t="s">
        <v>640</v>
      </c>
      <c r="G134" s="32"/>
    </row>
    <row r="135" spans="1:7" ht="12" customHeight="1">
      <c r="A135" s="179"/>
      <c r="B135" s="182"/>
      <c r="C135" s="182"/>
      <c r="D135" s="126" t="s">
        <v>475</v>
      </c>
      <c r="E135" s="128" t="s">
        <v>476</v>
      </c>
      <c r="F135" s="65" t="s">
        <v>641</v>
      </c>
      <c r="G135" s="32"/>
    </row>
    <row r="136" spans="1:7" ht="12" customHeight="1">
      <c r="A136" s="179"/>
      <c r="B136" s="182"/>
      <c r="C136" s="182"/>
      <c r="D136" s="126" t="s">
        <v>477</v>
      </c>
      <c r="E136" s="128" t="s">
        <v>478</v>
      </c>
      <c r="F136" s="65" t="s">
        <v>642</v>
      </c>
      <c r="G136" s="32"/>
    </row>
    <row r="137" spans="1:7" ht="12" customHeight="1">
      <c r="A137" s="179"/>
      <c r="B137" s="182"/>
      <c r="C137" s="182"/>
      <c r="D137" s="126" t="s">
        <v>479</v>
      </c>
      <c r="E137" s="128" t="s">
        <v>278</v>
      </c>
      <c r="F137" s="65" t="s">
        <v>96</v>
      </c>
      <c r="G137" s="32"/>
    </row>
    <row r="138" spans="1:7" ht="12" customHeight="1">
      <c r="A138" s="179"/>
      <c r="B138" s="182"/>
      <c r="C138" s="182"/>
      <c r="D138" s="126" t="s">
        <v>480</v>
      </c>
      <c r="E138" s="128" t="s">
        <v>278</v>
      </c>
      <c r="F138" s="65" t="s">
        <v>96</v>
      </c>
      <c r="G138" s="32"/>
    </row>
    <row r="139" spans="1:7" ht="12" customHeight="1">
      <c r="A139" s="179"/>
      <c r="B139" s="182"/>
      <c r="C139" s="182"/>
      <c r="D139" s="126" t="s">
        <v>481</v>
      </c>
      <c r="E139" s="130" t="s">
        <v>482</v>
      </c>
      <c r="F139" s="65" t="s">
        <v>643</v>
      </c>
      <c r="G139" s="32"/>
    </row>
    <row r="140" spans="1:7" ht="12" customHeight="1" thickBot="1">
      <c r="A140" s="180"/>
      <c r="B140" s="183"/>
      <c r="C140" s="183"/>
      <c r="D140" s="131" t="s">
        <v>483</v>
      </c>
      <c r="E140" s="130" t="s">
        <v>484</v>
      </c>
      <c r="F140" s="71" t="s">
        <v>644</v>
      </c>
      <c r="G140" s="32"/>
    </row>
    <row r="141" spans="1:7" ht="12" customHeight="1">
      <c r="A141" s="184" t="s">
        <v>330</v>
      </c>
      <c r="B141" s="187" t="s">
        <v>485</v>
      </c>
      <c r="C141" s="187" t="s">
        <v>486</v>
      </c>
      <c r="D141" s="132" t="s">
        <v>487</v>
      </c>
      <c r="E141" s="132" t="s">
        <v>488</v>
      </c>
      <c r="F141" s="73" t="s">
        <v>645</v>
      </c>
      <c r="G141" s="32"/>
    </row>
    <row r="142" spans="1:7" ht="12" customHeight="1">
      <c r="A142" s="185"/>
      <c r="B142" s="188"/>
      <c r="C142" s="188"/>
      <c r="D142" s="133" t="s">
        <v>489</v>
      </c>
      <c r="E142" s="133" t="s">
        <v>490</v>
      </c>
      <c r="F142" s="75" t="s">
        <v>646</v>
      </c>
      <c r="G142" s="32"/>
    </row>
    <row r="143" spans="1:7" ht="12" customHeight="1">
      <c r="A143" s="185"/>
      <c r="B143" s="188"/>
      <c r="C143" s="188"/>
      <c r="D143" s="133" t="s">
        <v>491</v>
      </c>
      <c r="E143" s="133" t="s">
        <v>492</v>
      </c>
      <c r="F143" s="75" t="s">
        <v>647</v>
      </c>
      <c r="G143" s="32"/>
    </row>
    <row r="144" spans="1:7" ht="12" customHeight="1">
      <c r="A144" s="185"/>
      <c r="B144" s="188"/>
      <c r="C144" s="188"/>
      <c r="D144" s="133" t="s">
        <v>493</v>
      </c>
      <c r="E144" s="133" t="s">
        <v>494</v>
      </c>
      <c r="F144" s="75" t="s">
        <v>648</v>
      </c>
      <c r="G144" s="32"/>
    </row>
    <row r="145" spans="1:7" ht="12" customHeight="1">
      <c r="A145" s="185"/>
      <c r="B145" s="188"/>
      <c r="C145" s="188"/>
      <c r="D145" s="133" t="s">
        <v>495</v>
      </c>
      <c r="E145" s="133" t="s">
        <v>496</v>
      </c>
      <c r="F145" s="75" t="s">
        <v>649</v>
      </c>
      <c r="G145" s="32"/>
    </row>
    <row r="146" spans="1:7" ht="12" customHeight="1">
      <c r="A146" s="185"/>
      <c r="B146" s="188"/>
      <c r="C146" s="188"/>
      <c r="D146" s="133" t="s">
        <v>497</v>
      </c>
      <c r="E146" s="133" t="s">
        <v>278</v>
      </c>
      <c r="F146" s="75" t="s">
        <v>225</v>
      </c>
      <c r="G146" s="32"/>
    </row>
    <row r="147" spans="1:7" ht="12" customHeight="1">
      <c r="A147" s="185"/>
      <c r="B147" s="188"/>
      <c r="C147" s="188"/>
      <c r="D147" s="133" t="s">
        <v>498</v>
      </c>
      <c r="E147" s="77" t="s">
        <v>278</v>
      </c>
      <c r="F147" s="75" t="s">
        <v>225</v>
      </c>
      <c r="G147" s="32"/>
    </row>
    <row r="148" spans="1:7" ht="12" customHeight="1">
      <c r="A148" s="185"/>
      <c r="B148" s="188"/>
      <c r="C148" s="188"/>
      <c r="D148" s="133" t="s">
        <v>499</v>
      </c>
      <c r="E148" s="77" t="s">
        <v>500</v>
      </c>
      <c r="F148" s="75" t="s">
        <v>650</v>
      </c>
      <c r="G148" s="32"/>
    </row>
    <row r="149" spans="1:7" ht="12" customHeight="1">
      <c r="A149" s="185"/>
      <c r="B149" s="188"/>
      <c r="C149" s="188"/>
      <c r="D149" s="133" t="s">
        <v>501</v>
      </c>
      <c r="E149" s="77" t="s">
        <v>278</v>
      </c>
      <c r="F149" s="75" t="s">
        <v>225</v>
      </c>
      <c r="G149" s="32"/>
    </row>
    <row r="150" spans="1:7" ht="12" customHeight="1">
      <c r="A150" s="185"/>
      <c r="B150" s="188"/>
      <c r="C150" s="188"/>
      <c r="D150" s="133" t="s">
        <v>502</v>
      </c>
      <c r="E150" s="77" t="s">
        <v>278</v>
      </c>
      <c r="F150" s="75" t="s">
        <v>225</v>
      </c>
      <c r="G150" s="32"/>
    </row>
    <row r="151" spans="1:7" ht="12" customHeight="1">
      <c r="A151" s="185"/>
      <c r="B151" s="188"/>
      <c r="C151" s="188"/>
      <c r="D151" s="133" t="s">
        <v>503</v>
      </c>
      <c r="E151" s="77" t="s">
        <v>278</v>
      </c>
      <c r="F151" s="75" t="s">
        <v>225</v>
      </c>
      <c r="G151" s="32"/>
    </row>
    <row r="152" spans="1:7" ht="12" customHeight="1">
      <c r="A152" s="185"/>
      <c r="B152" s="188"/>
      <c r="C152" s="188"/>
      <c r="D152" s="133" t="s">
        <v>504</v>
      </c>
      <c r="E152" s="77" t="s">
        <v>505</v>
      </c>
      <c r="F152" s="75" t="s">
        <v>651</v>
      </c>
      <c r="G152" s="32"/>
    </row>
    <row r="153" spans="1:7" ht="12" customHeight="1">
      <c r="A153" s="185"/>
      <c r="B153" s="188"/>
      <c r="C153" s="188"/>
      <c r="D153" s="133" t="s">
        <v>506</v>
      </c>
      <c r="E153" s="77" t="s">
        <v>188</v>
      </c>
      <c r="F153" s="75" t="s">
        <v>652</v>
      </c>
      <c r="G153" s="32"/>
    </row>
    <row r="154" spans="1:7" ht="12" customHeight="1">
      <c r="A154" s="185"/>
      <c r="B154" s="188"/>
      <c r="C154" s="188"/>
      <c r="D154" s="133" t="s">
        <v>507</v>
      </c>
      <c r="E154" s="77" t="s">
        <v>191</v>
      </c>
      <c r="F154" s="75" t="s">
        <v>653</v>
      </c>
      <c r="G154" s="32"/>
    </row>
    <row r="155" spans="1:7" ht="12" customHeight="1">
      <c r="A155" s="185"/>
      <c r="B155" s="188"/>
      <c r="C155" s="188"/>
      <c r="D155" s="133" t="s">
        <v>508</v>
      </c>
      <c r="E155" s="77" t="s">
        <v>194</v>
      </c>
      <c r="F155" s="75" t="s">
        <v>654</v>
      </c>
      <c r="G155" s="32"/>
    </row>
    <row r="156" spans="1:7" ht="12" customHeight="1" thickBot="1">
      <c r="A156" s="186"/>
      <c r="B156" s="189"/>
      <c r="C156" s="189"/>
      <c r="D156" s="134" t="s">
        <v>509</v>
      </c>
      <c r="E156" s="77" t="s">
        <v>197</v>
      </c>
      <c r="F156" s="80" t="s">
        <v>655</v>
      </c>
      <c r="G156" s="32"/>
    </row>
    <row r="157" spans="1:7" ht="12" customHeight="1" thickBot="1">
      <c r="A157" s="135" t="s">
        <v>359</v>
      </c>
      <c r="B157" s="136" t="s">
        <v>659</v>
      </c>
      <c r="C157" s="136" t="s">
        <v>510</v>
      </c>
      <c r="D157" s="137" t="s">
        <v>659</v>
      </c>
      <c r="E157" s="138" t="s">
        <v>511</v>
      </c>
      <c r="F157" s="83" t="s">
        <v>669</v>
      </c>
      <c r="G157" s="32"/>
    </row>
    <row r="158" spans="1:7" ht="12" customHeight="1" thickBot="1">
      <c r="A158" s="92" t="s">
        <v>388</v>
      </c>
      <c r="B158" s="139" t="s">
        <v>512</v>
      </c>
      <c r="C158" s="139" t="s">
        <v>513</v>
      </c>
      <c r="D158" s="140" t="s">
        <v>512</v>
      </c>
      <c r="E158" s="141" t="s">
        <v>514</v>
      </c>
      <c r="F158" s="142" t="s">
        <v>670</v>
      </c>
      <c r="G158" s="32"/>
    </row>
    <row r="159" spans="1:7" ht="12" customHeight="1" thickBot="1">
      <c r="A159" s="92" t="s">
        <v>392</v>
      </c>
      <c r="B159" s="93" t="s">
        <v>515</v>
      </c>
      <c r="C159" s="93" t="s">
        <v>516</v>
      </c>
      <c r="D159" s="140" t="s">
        <v>515</v>
      </c>
      <c r="E159" s="143" t="s">
        <v>517</v>
      </c>
      <c r="F159" s="142" t="s">
        <v>671</v>
      </c>
      <c r="G159" s="32"/>
    </row>
    <row r="160" spans="1:7" ht="12" customHeight="1" thickBot="1">
      <c r="A160" s="98" t="s">
        <v>0</v>
      </c>
      <c r="B160" s="99" t="s">
        <v>518</v>
      </c>
      <c r="C160" s="99" t="s">
        <v>519</v>
      </c>
      <c r="D160" s="144" t="s">
        <v>518</v>
      </c>
      <c r="E160" s="145" t="s">
        <v>520</v>
      </c>
      <c r="F160" s="102" t="s">
        <v>672</v>
      </c>
      <c r="G160" s="32"/>
    </row>
    <row r="161" spans="1:7" ht="12" customHeight="1" thickBot="1">
      <c r="A161" s="98" t="s">
        <v>1</v>
      </c>
      <c r="B161" s="99" t="s">
        <v>521</v>
      </c>
      <c r="C161" s="99" t="s">
        <v>522</v>
      </c>
      <c r="D161" s="144" t="s">
        <v>521</v>
      </c>
      <c r="E161" s="145" t="s">
        <v>523</v>
      </c>
      <c r="F161" s="102" t="s">
        <v>673</v>
      </c>
      <c r="G161" s="32"/>
    </row>
    <row r="162" spans="1:7" ht="12" customHeight="1" thickBot="1">
      <c r="A162" s="103" t="s">
        <v>2</v>
      </c>
      <c r="B162" s="104" t="s">
        <v>9</v>
      </c>
      <c r="C162" s="104" t="s">
        <v>403</v>
      </c>
      <c r="D162" s="146" t="s">
        <v>524</v>
      </c>
      <c r="E162" s="147" t="s">
        <v>525</v>
      </c>
      <c r="F162" s="148" t="s">
        <v>526</v>
      </c>
      <c r="G162" s="32"/>
    </row>
    <row r="163" spans="1:7" ht="12" customHeight="1">
      <c r="A163" s="32"/>
      <c r="B163" s="33"/>
      <c r="C163" s="33"/>
      <c r="D163" s="32"/>
      <c r="E163" s="32"/>
      <c r="F163" s="32"/>
      <c r="G163" s="32"/>
    </row>
    <row r="164" spans="1:7" ht="12" customHeight="1">
      <c r="A164" s="32"/>
      <c r="B164" s="33"/>
      <c r="C164" s="33"/>
      <c r="D164" s="32"/>
      <c r="E164" s="150" t="s">
        <v>527</v>
      </c>
      <c r="F164" s="149" t="s">
        <v>528</v>
      </c>
      <c r="G164" s="32"/>
    </row>
    <row r="165" spans="1:7" ht="12" customHeight="1">
      <c r="A165" s="32"/>
      <c r="B165" s="33"/>
      <c r="C165" s="33"/>
      <c r="D165" s="32"/>
      <c r="E165" s="150"/>
      <c r="F165" s="149" t="s">
        <v>529</v>
      </c>
      <c r="G165" s="32"/>
    </row>
    <row r="166" spans="1:7" ht="12" customHeight="1">
      <c r="A166" s="32"/>
      <c r="B166" s="33"/>
      <c r="C166" s="33"/>
      <c r="D166" s="32"/>
      <c r="E166" s="32"/>
      <c r="F166" s="32"/>
      <c r="G166" s="32"/>
    </row>
  </sheetData>
  <mergeCells count="32">
    <mergeCell ref="A125:A140"/>
    <mergeCell ref="B125:B140"/>
    <mergeCell ref="C125:C140"/>
    <mergeCell ref="A141:A156"/>
    <mergeCell ref="B141:B156"/>
    <mergeCell ref="C141:C156"/>
    <mergeCell ref="C93:C108"/>
    <mergeCell ref="A109:A124"/>
    <mergeCell ref="B109:B124"/>
    <mergeCell ref="C109:C124"/>
    <mergeCell ref="A36:A51"/>
    <mergeCell ref="B36:B51"/>
    <mergeCell ref="C36:C51"/>
    <mergeCell ref="A52:A67"/>
    <mergeCell ref="B52:B67"/>
    <mergeCell ref="C52:C67"/>
    <mergeCell ref="E164:E165"/>
    <mergeCell ref="A68:A83"/>
    <mergeCell ref="B68:B83"/>
    <mergeCell ref="C68:C83"/>
    <mergeCell ref="A1:F1"/>
    <mergeCell ref="A2:F2"/>
    <mergeCell ref="A4:A19"/>
    <mergeCell ref="B4:B19"/>
    <mergeCell ref="C4:C19"/>
    <mergeCell ref="A20:A35"/>
    <mergeCell ref="B20:B35"/>
    <mergeCell ref="C20:C35"/>
    <mergeCell ref="A90:F90"/>
    <mergeCell ref="A91:F91"/>
    <mergeCell ref="A93:A108"/>
    <mergeCell ref="B93:B108"/>
  </mergeCells>
  <phoneticPr fontId="1" type="noConversion"/>
  <pageMargins left="0.70866141732283472" right="0.70866141732283472" top="0.74803149606299213" bottom="0.74803149606299213" header="0.31496062992125984" footer="0.31496062992125984"/>
  <pageSetup paperSize="9" scale="80" orientation="landscape" horizontalDpi="200" verticalDpi="20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1"/>
  <dimension ref="A1:J71"/>
  <sheetViews>
    <sheetView topLeftCell="A52" workbookViewId="0">
      <selection activeCell="E41" sqref="E41"/>
    </sheetView>
  </sheetViews>
  <sheetFormatPr defaultColWidth="9" defaultRowHeight="12"/>
  <cols>
    <col min="1" max="1" width="4.44140625" style="2" bestFit="1" customWidth="1"/>
    <col min="2" max="2" width="8.21875" style="3" bestFit="1" customWidth="1"/>
    <col min="3" max="3" width="13.88671875" style="1" bestFit="1" customWidth="1"/>
    <col min="4" max="4" width="13.88671875" style="1" customWidth="1"/>
    <col min="5" max="5" width="48.21875" style="12" customWidth="1"/>
    <col min="6" max="6" width="60.44140625" style="2" bestFit="1" customWidth="1"/>
    <col min="7" max="7" width="4.44140625" style="3" bestFit="1" customWidth="1"/>
    <col min="8" max="8" width="8.21875" style="1" bestFit="1" customWidth="1"/>
    <col min="9" max="9" width="13.88671875" style="12" bestFit="1" customWidth="1"/>
    <col min="10" max="10" width="20.44140625" style="12" bestFit="1" customWidth="1"/>
    <col min="11" max="11" width="61.21875" style="3" bestFit="1" customWidth="1"/>
    <col min="12" max="16384" width="9" style="3"/>
  </cols>
  <sheetData>
    <row r="1" spans="1:5" ht="15.6">
      <c r="A1" s="190" t="s">
        <v>88</v>
      </c>
      <c r="B1" s="190"/>
      <c r="C1" s="190"/>
      <c r="D1" s="190"/>
      <c r="E1" s="190"/>
    </row>
    <row r="2" spans="1:5" ht="14.4">
      <c r="A2" s="191" t="s">
        <v>89</v>
      </c>
      <c r="B2" s="191"/>
      <c r="C2" s="191"/>
      <c r="D2" s="191"/>
      <c r="E2" s="191"/>
    </row>
    <row r="3" spans="1:5" ht="14.4" thickBot="1">
      <c r="A3" s="4"/>
      <c r="B3" s="5"/>
      <c r="C3" s="6" t="s">
        <v>90</v>
      </c>
      <c r="D3" s="6"/>
      <c r="E3" s="4" t="s">
        <v>91</v>
      </c>
    </row>
    <row r="4" spans="1:5">
      <c r="A4" s="192" t="s">
        <v>92</v>
      </c>
      <c r="B4" s="195" t="s">
        <v>93</v>
      </c>
      <c r="C4" s="13" t="s">
        <v>94</v>
      </c>
      <c r="D4" s="14" t="s">
        <v>95</v>
      </c>
      <c r="E4" s="7" t="s">
        <v>96</v>
      </c>
    </row>
    <row r="5" spans="1:5">
      <c r="A5" s="193"/>
      <c r="B5" s="196"/>
      <c r="C5" s="15" t="s">
        <v>97</v>
      </c>
      <c r="D5" s="16" t="s">
        <v>95</v>
      </c>
      <c r="E5" s="8" t="s">
        <v>96</v>
      </c>
    </row>
    <row r="6" spans="1:5">
      <c r="A6" s="193"/>
      <c r="B6" s="196"/>
      <c r="C6" s="15" t="s">
        <v>98</v>
      </c>
      <c r="D6" s="16" t="s">
        <v>95</v>
      </c>
      <c r="E6" s="8" t="s">
        <v>96</v>
      </c>
    </row>
    <row r="7" spans="1:5">
      <c r="A7" s="193"/>
      <c r="B7" s="196"/>
      <c r="C7" s="15" t="s">
        <v>99</v>
      </c>
      <c r="D7" s="16" t="s">
        <v>100</v>
      </c>
      <c r="E7" s="8" t="s">
        <v>101</v>
      </c>
    </row>
    <row r="8" spans="1:5">
      <c r="A8" s="193"/>
      <c r="B8" s="196"/>
      <c r="C8" s="15" t="s">
        <v>102</v>
      </c>
      <c r="D8" s="16" t="s">
        <v>95</v>
      </c>
      <c r="E8" s="8" t="s">
        <v>96</v>
      </c>
    </row>
    <row r="9" spans="1:5">
      <c r="A9" s="193"/>
      <c r="B9" s="196"/>
      <c r="C9" s="15" t="s">
        <v>103</v>
      </c>
      <c r="D9" s="16" t="s">
        <v>95</v>
      </c>
      <c r="E9" s="8" t="s">
        <v>96</v>
      </c>
    </row>
    <row r="10" spans="1:5">
      <c r="A10" s="193"/>
      <c r="B10" s="196"/>
      <c r="C10" s="15" t="s">
        <v>104</v>
      </c>
      <c r="D10" s="16" t="s">
        <v>95</v>
      </c>
      <c r="E10" s="8" t="s">
        <v>96</v>
      </c>
    </row>
    <row r="11" spans="1:5">
      <c r="A11" s="193"/>
      <c r="B11" s="196"/>
      <c r="C11" s="15" t="s">
        <v>105</v>
      </c>
      <c r="D11" s="16" t="s">
        <v>106</v>
      </c>
      <c r="E11" s="8" t="s">
        <v>107</v>
      </c>
    </row>
    <row r="12" spans="1:5" ht="14.4">
      <c r="A12" s="193"/>
      <c r="B12" s="196"/>
      <c r="C12" s="15" t="s">
        <v>108</v>
      </c>
      <c r="D12" s="16" t="s">
        <v>109</v>
      </c>
      <c r="E12" s="8" t="s">
        <v>110</v>
      </c>
    </row>
    <row r="13" spans="1:5" ht="14.4">
      <c r="A13" s="193"/>
      <c r="B13" s="196"/>
      <c r="C13" s="17" t="s">
        <v>111</v>
      </c>
      <c r="D13" s="16" t="s">
        <v>112</v>
      </c>
      <c r="E13" s="8" t="s">
        <v>113</v>
      </c>
    </row>
    <row r="14" spans="1:5">
      <c r="A14" s="193"/>
      <c r="B14" s="196"/>
      <c r="C14" s="17" t="s">
        <v>114</v>
      </c>
      <c r="D14" s="16" t="s">
        <v>115</v>
      </c>
      <c r="E14" s="8" t="s">
        <v>116</v>
      </c>
    </row>
    <row r="15" spans="1:5">
      <c r="A15" s="193"/>
      <c r="B15" s="196"/>
      <c r="C15" s="17" t="s">
        <v>117</v>
      </c>
      <c r="D15" s="16" t="s">
        <v>118</v>
      </c>
      <c r="E15" s="8" t="s">
        <v>119</v>
      </c>
    </row>
    <row r="16" spans="1:5" ht="14.4">
      <c r="A16" s="193"/>
      <c r="B16" s="196"/>
      <c r="C16" s="15" t="s">
        <v>120</v>
      </c>
      <c r="D16" s="16" t="s">
        <v>121</v>
      </c>
      <c r="E16" s="8" t="s">
        <v>122</v>
      </c>
    </row>
    <row r="17" spans="1:5" ht="14.4">
      <c r="A17" s="193"/>
      <c r="B17" s="196"/>
      <c r="C17" s="15" t="s">
        <v>123</v>
      </c>
      <c r="D17" s="16" t="s">
        <v>124</v>
      </c>
      <c r="E17" s="8" t="s">
        <v>125</v>
      </c>
    </row>
    <row r="18" spans="1:5" ht="14.4">
      <c r="A18" s="193"/>
      <c r="B18" s="196"/>
      <c r="C18" s="15" t="s">
        <v>126</v>
      </c>
      <c r="D18" s="16" t="s">
        <v>127</v>
      </c>
      <c r="E18" s="8" t="s">
        <v>128</v>
      </c>
    </row>
    <row r="19" spans="1:5" ht="15" thickBot="1">
      <c r="A19" s="194"/>
      <c r="B19" s="197"/>
      <c r="C19" s="18" t="s">
        <v>129</v>
      </c>
      <c r="D19" s="16" t="s">
        <v>130</v>
      </c>
      <c r="E19" s="19" t="s">
        <v>131</v>
      </c>
    </row>
    <row r="20" spans="1:5">
      <c r="A20" s="198" t="s">
        <v>132</v>
      </c>
      <c r="B20" s="201" t="s">
        <v>133</v>
      </c>
      <c r="C20" s="20" t="s">
        <v>134</v>
      </c>
      <c r="D20" s="21"/>
      <c r="E20" s="22" t="s">
        <v>135</v>
      </c>
    </row>
    <row r="21" spans="1:5" ht="14.4">
      <c r="A21" s="199"/>
      <c r="B21" s="202"/>
      <c r="C21" s="23" t="s">
        <v>136</v>
      </c>
      <c r="D21" s="24"/>
      <c r="E21" s="25" t="s">
        <v>137</v>
      </c>
    </row>
    <row r="22" spans="1:5" ht="14.4">
      <c r="A22" s="199"/>
      <c r="B22" s="202"/>
      <c r="C22" s="23" t="s">
        <v>138</v>
      </c>
      <c r="D22" s="24"/>
      <c r="E22" s="25" t="s">
        <v>139</v>
      </c>
    </row>
    <row r="23" spans="1:5" ht="14.4">
      <c r="A23" s="199"/>
      <c r="B23" s="202"/>
      <c r="C23" s="23" t="s">
        <v>140</v>
      </c>
      <c r="D23" s="24"/>
      <c r="E23" s="25" t="s">
        <v>141</v>
      </c>
    </row>
    <row r="24" spans="1:5" ht="14.4">
      <c r="A24" s="199"/>
      <c r="B24" s="202"/>
      <c r="C24" s="23" t="s">
        <v>142</v>
      </c>
      <c r="D24" s="24"/>
      <c r="E24" s="25" t="s">
        <v>143</v>
      </c>
    </row>
    <row r="25" spans="1:5" ht="14.4">
      <c r="A25" s="199"/>
      <c r="B25" s="202"/>
      <c r="C25" s="23" t="s">
        <v>144</v>
      </c>
      <c r="D25" s="24"/>
      <c r="E25" s="25" t="s">
        <v>145</v>
      </c>
    </row>
    <row r="26" spans="1:5" ht="14.4">
      <c r="A26" s="199"/>
      <c r="B26" s="202"/>
      <c r="C26" s="23" t="s">
        <v>146</v>
      </c>
      <c r="D26" s="24"/>
      <c r="E26" s="25" t="s">
        <v>147</v>
      </c>
    </row>
    <row r="27" spans="1:5" ht="14.4">
      <c r="A27" s="199"/>
      <c r="B27" s="202"/>
      <c r="C27" s="23" t="s">
        <v>148</v>
      </c>
      <c r="D27" s="24"/>
      <c r="E27" s="25" t="s">
        <v>149</v>
      </c>
    </row>
    <row r="28" spans="1:5" ht="14.4">
      <c r="A28" s="199"/>
      <c r="B28" s="202"/>
      <c r="C28" s="23" t="s">
        <v>150</v>
      </c>
      <c r="D28" s="24"/>
      <c r="E28" s="25" t="s">
        <v>151</v>
      </c>
    </row>
    <row r="29" spans="1:5" ht="14.4">
      <c r="A29" s="199"/>
      <c r="B29" s="202"/>
      <c r="C29" s="23" t="s">
        <v>152</v>
      </c>
      <c r="D29" s="24"/>
      <c r="E29" s="25" t="s">
        <v>153</v>
      </c>
    </row>
    <row r="30" spans="1:5" ht="14.4">
      <c r="A30" s="199"/>
      <c r="B30" s="202"/>
      <c r="C30" s="23" t="s">
        <v>154</v>
      </c>
      <c r="D30" s="24"/>
      <c r="E30" s="25" t="s">
        <v>155</v>
      </c>
    </row>
    <row r="31" spans="1:5" ht="14.4">
      <c r="A31" s="199"/>
      <c r="B31" s="202"/>
      <c r="C31" s="23" t="s">
        <v>156</v>
      </c>
      <c r="D31" s="24"/>
      <c r="E31" s="25" t="s">
        <v>157</v>
      </c>
    </row>
    <row r="32" spans="1:5" ht="14.4">
      <c r="A32" s="199"/>
      <c r="B32" s="202"/>
      <c r="C32" s="23" t="s">
        <v>158</v>
      </c>
      <c r="D32" s="24"/>
      <c r="E32" s="25" t="s">
        <v>159</v>
      </c>
    </row>
    <row r="33" spans="1:6" ht="14.4">
      <c r="A33" s="199"/>
      <c r="B33" s="202"/>
      <c r="C33" s="23" t="s">
        <v>160</v>
      </c>
      <c r="D33" s="24"/>
      <c r="E33" s="25" t="s">
        <v>161</v>
      </c>
    </row>
    <row r="34" spans="1:6" ht="14.4">
      <c r="A34" s="199"/>
      <c r="B34" s="202"/>
      <c r="C34" s="23" t="s">
        <v>162</v>
      </c>
      <c r="D34" s="24"/>
      <c r="E34" s="25" t="s">
        <v>163</v>
      </c>
    </row>
    <row r="35" spans="1:6" ht="15" thickBot="1">
      <c r="A35" s="200"/>
      <c r="B35" s="203"/>
      <c r="C35" s="26" t="s">
        <v>164</v>
      </c>
      <c r="D35" s="27"/>
      <c r="E35" s="28" t="s">
        <v>165</v>
      </c>
    </row>
    <row r="37" spans="1:6" ht="15.6">
      <c r="B37" s="190" t="s">
        <v>88</v>
      </c>
      <c r="C37" s="190"/>
      <c r="D37" s="190"/>
      <c r="E37" s="190"/>
      <c r="F37" s="190"/>
    </row>
    <row r="38" spans="1:6" ht="14.4">
      <c r="B38" s="191" t="s">
        <v>166</v>
      </c>
      <c r="C38" s="191"/>
      <c r="D38" s="191"/>
      <c r="E38" s="191"/>
      <c r="F38" s="191"/>
    </row>
    <row r="39" spans="1:6" ht="14.4" thickBot="1">
      <c r="B39" s="4"/>
      <c r="C39" s="5"/>
      <c r="D39" s="6" t="s">
        <v>90</v>
      </c>
      <c r="E39" s="6"/>
      <c r="F39" s="4" t="s">
        <v>91</v>
      </c>
    </row>
    <row r="40" spans="1:6">
      <c r="B40" s="192" t="s">
        <v>92</v>
      </c>
      <c r="C40" s="195" t="s">
        <v>167</v>
      </c>
      <c r="D40" s="13" t="s">
        <v>168</v>
      </c>
      <c r="E40" s="14" t="s">
        <v>169</v>
      </c>
      <c r="F40" s="7" t="s">
        <v>170</v>
      </c>
    </row>
    <row r="41" spans="1:6">
      <c r="B41" s="193"/>
      <c r="C41" s="196"/>
      <c r="D41" s="29" t="s">
        <v>171</v>
      </c>
      <c r="E41" s="30"/>
      <c r="F41" s="8" t="s">
        <v>172</v>
      </c>
    </row>
    <row r="42" spans="1:6">
      <c r="B42" s="193"/>
      <c r="C42" s="196"/>
      <c r="D42" s="29" t="s">
        <v>173</v>
      </c>
      <c r="E42" s="30" t="s">
        <v>95</v>
      </c>
      <c r="F42" s="8" t="s">
        <v>96</v>
      </c>
    </row>
    <row r="43" spans="1:6">
      <c r="B43" s="193"/>
      <c r="C43" s="196"/>
      <c r="D43" s="29" t="s">
        <v>174</v>
      </c>
      <c r="E43" s="30" t="s">
        <v>95</v>
      </c>
      <c r="F43" s="8" t="s">
        <v>96</v>
      </c>
    </row>
    <row r="44" spans="1:6">
      <c r="B44" s="193"/>
      <c r="C44" s="196"/>
      <c r="D44" s="29" t="s">
        <v>175</v>
      </c>
      <c r="E44" s="30" t="s">
        <v>95</v>
      </c>
      <c r="F44" s="8" t="s">
        <v>96</v>
      </c>
    </row>
    <row r="45" spans="1:6">
      <c r="B45" s="193"/>
      <c r="C45" s="196"/>
      <c r="D45" s="29" t="s">
        <v>176</v>
      </c>
      <c r="E45" s="30" t="s">
        <v>95</v>
      </c>
      <c r="F45" s="8" t="s">
        <v>96</v>
      </c>
    </row>
    <row r="46" spans="1:6">
      <c r="B46" s="193"/>
      <c r="C46" s="196"/>
      <c r="D46" s="15" t="s">
        <v>177</v>
      </c>
      <c r="E46" s="30" t="s">
        <v>95</v>
      </c>
      <c r="F46" s="8" t="s">
        <v>96</v>
      </c>
    </row>
    <row r="47" spans="1:6">
      <c r="B47" s="193"/>
      <c r="C47" s="196"/>
      <c r="D47" s="15" t="s">
        <v>178</v>
      </c>
      <c r="E47" s="16" t="s">
        <v>179</v>
      </c>
      <c r="F47" s="8" t="s">
        <v>180</v>
      </c>
    </row>
    <row r="48" spans="1:6">
      <c r="B48" s="193"/>
      <c r="C48" s="196"/>
      <c r="D48" s="15" t="s">
        <v>181</v>
      </c>
      <c r="E48" s="16" t="s">
        <v>95</v>
      </c>
      <c r="F48" s="8" t="s">
        <v>96</v>
      </c>
    </row>
    <row r="49" spans="2:6">
      <c r="B49" s="193"/>
      <c r="C49" s="196"/>
      <c r="D49" s="15" t="s">
        <v>182</v>
      </c>
      <c r="E49" s="16" t="s">
        <v>95</v>
      </c>
      <c r="F49" s="8" t="s">
        <v>96</v>
      </c>
    </row>
    <row r="50" spans="2:6">
      <c r="B50" s="193"/>
      <c r="C50" s="196"/>
      <c r="D50" s="15" t="s">
        <v>183</v>
      </c>
      <c r="E50" s="16" t="s">
        <v>184</v>
      </c>
      <c r="F50" s="8" t="s">
        <v>185</v>
      </c>
    </row>
    <row r="51" spans="2:6">
      <c r="B51" s="193"/>
      <c r="C51" s="196"/>
      <c r="D51" s="15" t="s">
        <v>186</v>
      </c>
      <c r="E51" s="16" t="s">
        <v>95</v>
      </c>
      <c r="F51" s="8" t="s">
        <v>96</v>
      </c>
    </row>
    <row r="52" spans="2:6">
      <c r="B52" s="193"/>
      <c r="C52" s="196"/>
      <c r="D52" s="15" t="s">
        <v>187</v>
      </c>
      <c r="E52" s="16" t="s">
        <v>188</v>
      </c>
      <c r="F52" s="8" t="s">
        <v>189</v>
      </c>
    </row>
    <row r="53" spans="2:6">
      <c r="B53" s="193"/>
      <c r="C53" s="196"/>
      <c r="D53" s="15" t="s">
        <v>190</v>
      </c>
      <c r="E53" s="16" t="s">
        <v>191</v>
      </c>
      <c r="F53" s="8" t="s">
        <v>192</v>
      </c>
    </row>
    <row r="54" spans="2:6">
      <c r="B54" s="193"/>
      <c r="C54" s="196"/>
      <c r="D54" s="15" t="s">
        <v>193</v>
      </c>
      <c r="E54" s="16" t="s">
        <v>194</v>
      </c>
      <c r="F54" s="8" t="s">
        <v>195</v>
      </c>
    </row>
    <row r="55" spans="2:6" ht="12.6" thickBot="1">
      <c r="B55" s="194"/>
      <c r="C55" s="197"/>
      <c r="D55" s="18" t="s">
        <v>196</v>
      </c>
      <c r="E55" s="16" t="s">
        <v>197</v>
      </c>
      <c r="F55" s="19" t="s">
        <v>198</v>
      </c>
    </row>
    <row r="56" spans="2:6">
      <c r="B56" s="198" t="s">
        <v>132</v>
      </c>
      <c r="C56" s="201" t="s">
        <v>199</v>
      </c>
      <c r="D56" s="20" t="s">
        <v>200</v>
      </c>
      <c r="E56" s="21" t="s">
        <v>201</v>
      </c>
      <c r="F56" s="22" t="s">
        <v>202</v>
      </c>
    </row>
    <row r="57" spans="2:6">
      <c r="B57" s="199"/>
      <c r="C57" s="202"/>
      <c r="D57" s="23" t="s">
        <v>203</v>
      </c>
      <c r="E57" s="24" t="s">
        <v>204</v>
      </c>
      <c r="F57" s="25" t="s">
        <v>205</v>
      </c>
    </row>
    <row r="58" spans="2:6">
      <c r="B58" s="199"/>
      <c r="C58" s="202"/>
      <c r="D58" s="23" t="s">
        <v>206</v>
      </c>
      <c r="E58" s="24" t="s">
        <v>207</v>
      </c>
      <c r="F58" s="25" t="s">
        <v>208</v>
      </c>
    </row>
    <row r="59" spans="2:6">
      <c r="B59" s="199"/>
      <c r="C59" s="202"/>
      <c r="D59" s="23" t="s">
        <v>209</v>
      </c>
      <c r="E59" s="24" t="s">
        <v>210</v>
      </c>
      <c r="F59" s="25" t="s">
        <v>211</v>
      </c>
    </row>
    <row r="60" spans="2:6">
      <c r="B60" s="199"/>
      <c r="C60" s="202"/>
      <c r="D60" s="23" t="s">
        <v>212</v>
      </c>
      <c r="E60" s="24" t="s">
        <v>213</v>
      </c>
      <c r="F60" s="25" t="s">
        <v>214</v>
      </c>
    </row>
    <row r="61" spans="2:6">
      <c r="B61" s="199"/>
      <c r="C61" s="202"/>
      <c r="D61" s="23" t="s">
        <v>215</v>
      </c>
      <c r="E61" s="24" t="s">
        <v>216</v>
      </c>
      <c r="F61" s="25" t="s">
        <v>217</v>
      </c>
    </row>
    <row r="62" spans="2:6">
      <c r="B62" s="199"/>
      <c r="C62" s="202"/>
      <c r="D62" s="23" t="s">
        <v>218</v>
      </c>
      <c r="E62" s="24" t="s">
        <v>219</v>
      </c>
      <c r="F62" s="25" t="s">
        <v>220</v>
      </c>
    </row>
    <row r="63" spans="2:6">
      <c r="B63" s="199"/>
      <c r="C63" s="202"/>
      <c r="D63" s="23" t="s">
        <v>221</v>
      </c>
      <c r="E63" s="24" t="s">
        <v>222</v>
      </c>
      <c r="F63" s="25" t="s">
        <v>223</v>
      </c>
    </row>
    <row r="64" spans="2:6" ht="14.4">
      <c r="B64" s="199"/>
      <c r="C64" s="202"/>
      <c r="D64" s="23" t="s">
        <v>224</v>
      </c>
      <c r="E64" s="24" t="s">
        <v>95</v>
      </c>
      <c r="F64" s="25" t="s">
        <v>225</v>
      </c>
    </row>
    <row r="65" spans="2:6" ht="14.4">
      <c r="B65" s="199"/>
      <c r="C65" s="202"/>
      <c r="D65" s="23" t="s">
        <v>226</v>
      </c>
      <c r="E65" s="24" t="s">
        <v>95</v>
      </c>
      <c r="F65" s="25" t="s">
        <v>225</v>
      </c>
    </row>
    <row r="66" spans="2:6" ht="14.4">
      <c r="B66" s="199"/>
      <c r="C66" s="202"/>
      <c r="D66" s="23" t="s">
        <v>227</v>
      </c>
      <c r="E66" s="24" t="s">
        <v>95</v>
      </c>
      <c r="F66" s="25" t="s">
        <v>225</v>
      </c>
    </row>
    <row r="67" spans="2:6" ht="14.4">
      <c r="B67" s="199"/>
      <c r="C67" s="202"/>
      <c r="D67" s="23" t="s">
        <v>228</v>
      </c>
      <c r="E67" s="24" t="s">
        <v>95</v>
      </c>
      <c r="F67" s="25" t="s">
        <v>225</v>
      </c>
    </row>
    <row r="68" spans="2:6" ht="14.4">
      <c r="B68" s="199"/>
      <c r="C68" s="202"/>
      <c r="D68" s="23" t="s">
        <v>229</v>
      </c>
      <c r="E68" s="24" t="s">
        <v>95</v>
      </c>
      <c r="F68" s="25" t="s">
        <v>225</v>
      </c>
    </row>
    <row r="69" spans="2:6" ht="14.4">
      <c r="B69" s="199"/>
      <c r="C69" s="202"/>
      <c r="D69" s="23" t="s">
        <v>230</v>
      </c>
      <c r="E69" s="24" t="s">
        <v>95</v>
      </c>
      <c r="F69" s="25" t="s">
        <v>225</v>
      </c>
    </row>
    <row r="70" spans="2:6" ht="14.4">
      <c r="B70" s="199"/>
      <c r="C70" s="202"/>
      <c r="D70" s="23" t="s">
        <v>231</v>
      </c>
      <c r="E70" s="24" t="s">
        <v>95</v>
      </c>
      <c r="F70" s="25" t="s">
        <v>225</v>
      </c>
    </row>
    <row r="71" spans="2:6" ht="15" thickBot="1">
      <c r="B71" s="200"/>
      <c r="C71" s="203"/>
      <c r="D71" s="26" t="s">
        <v>232</v>
      </c>
      <c r="E71" s="24" t="s">
        <v>95</v>
      </c>
      <c r="F71" s="28" t="s">
        <v>225</v>
      </c>
    </row>
  </sheetData>
  <mergeCells count="12">
    <mergeCell ref="B37:F37"/>
    <mergeCell ref="B38:F38"/>
    <mergeCell ref="B40:B55"/>
    <mergeCell ref="C40:C55"/>
    <mergeCell ref="B56:B71"/>
    <mergeCell ref="C56:C71"/>
    <mergeCell ref="A1:E1"/>
    <mergeCell ref="A2:E2"/>
    <mergeCell ref="A4:A19"/>
    <mergeCell ref="B4:B19"/>
    <mergeCell ref="A20:A35"/>
    <mergeCell ref="B20:B35"/>
  </mergeCells>
  <phoneticPr fontId="1" type="noConversion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2"/>
  <dimension ref="A1:F39"/>
  <sheetViews>
    <sheetView workbookViewId="0">
      <selection activeCell="D48" sqref="D48"/>
    </sheetView>
  </sheetViews>
  <sheetFormatPr defaultColWidth="9" defaultRowHeight="12"/>
  <cols>
    <col min="1" max="1" width="4.44140625" style="2" bestFit="1" customWidth="1"/>
    <col min="2" max="2" width="6" style="3" bestFit="1" customWidth="1"/>
    <col min="3" max="3" width="13.88671875" style="1" bestFit="1" customWidth="1"/>
    <col min="4" max="4" width="63.77734375" style="1" bestFit="1" customWidth="1"/>
    <col min="5" max="5" width="81.21875" style="12" bestFit="1" customWidth="1"/>
    <col min="6" max="6" width="6" style="2" bestFit="1" customWidth="1"/>
    <col min="7" max="16384" width="9" style="3"/>
  </cols>
  <sheetData>
    <row r="1" spans="1:5" ht="15.6">
      <c r="A1" s="190" t="s">
        <v>12</v>
      </c>
      <c r="B1" s="190"/>
      <c r="C1" s="190"/>
      <c r="D1" s="190"/>
      <c r="E1" s="190"/>
    </row>
    <row r="2" spans="1:5" ht="14.4">
      <c r="A2" s="191" t="s">
        <v>13</v>
      </c>
      <c r="B2" s="191"/>
      <c r="C2" s="191"/>
      <c r="D2" s="191"/>
      <c r="E2" s="191"/>
    </row>
    <row r="3" spans="1:5" ht="14.4" thickBot="1">
      <c r="A3" s="4"/>
      <c r="B3" s="5"/>
      <c r="C3" s="6" t="s">
        <v>14</v>
      </c>
      <c r="D3" s="6"/>
      <c r="E3" s="4" t="s">
        <v>15</v>
      </c>
    </row>
    <row r="4" spans="1:5">
      <c r="A4" s="192" t="s">
        <v>16</v>
      </c>
      <c r="B4" s="195" t="s">
        <v>17</v>
      </c>
      <c r="C4" s="7" t="s">
        <v>18</v>
      </c>
      <c r="D4" s="7" t="s">
        <v>19</v>
      </c>
      <c r="E4" s="7" t="s">
        <v>20</v>
      </c>
    </row>
    <row r="5" spans="1:5">
      <c r="A5" s="193"/>
      <c r="B5" s="196"/>
      <c r="C5" s="8" t="s">
        <v>21</v>
      </c>
      <c r="D5" s="8" t="s">
        <v>22</v>
      </c>
      <c r="E5" s="8" t="s">
        <v>23</v>
      </c>
    </row>
    <row r="6" spans="1:5">
      <c r="A6" s="193"/>
      <c r="B6" s="196"/>
      <c r="C6" s="8" t="s">
        <v>24</v>
      </c>
      <c r="D6" s="8" t="s">
        <v>25</v>
      </c>
      <c r="E6" s="8" t="s">
        <v>26</v>
      </c>
    </row>
    <row r="7" spans="1:5">
      <c r="A7" s="193"/>
      <c r="B7" s="196"/>
      <c r="C7" s="8" t="s">
        <v>27</v>
      </c>
      <c r="D7" s="8" t="s">
        <v>28</v>
      </c>
      <c r="E7" s="8" t="s">
        <v>29</v>
      </c>
    </row>
    <row r="8" spans="1:5">
      <c r="A8" s="193"/>
      <c r="B8" s="196"/>
      <c r="C8" s="8" t="s">
        <v>30</v>
      </c>
      <c r="D8" s="8" t="s">
        <v>31</v>
      </c>
      <c r="E8" s="8" t="s">
        <v>32</v>
      </c>
    </row>
    <row r="9" spans="1:5">
      <c r="A9" s="193"/>
      <c r="B9" s="196"/>
      <c r="C9" s="8" t="s">
        <v>33</v>
      </c>
      <c r="D9" s="8" t="s">
        <v>11</v>
      </c>
      <c r="E9" s="8" t="s">
        <v>11</v>
      </c>
    </row>
    <row r="10" spans="1:5">
      <c r="A10" s="193"/>
      <c r="B10" s="196"/>
      <c r="C10" s="8" t="s">
        <v>34</v>
      </c>
      <c r="D10" s="8" t="s">
        <v>35</v>
      </c>
      <c r="E10" s="8" t="s">
        <v>36</v>
      </c>
    </row>
    <row r="11" spans="1:5">
      <c r="A11" s="193"/>
      <c r="B11" s="196"/>
      <c r="C11" s="8" t="s">
        <v>37</v>
      </c>
      <c r="D11" s="8" t="s">
        <v>38</v>
      </c>
      <c r="E11" s="8" t="s">
        <v>10</v>
      </c>
    </row>
    <row r="12" spans="1:5">
      <c r="A12" s="193"/>
      <c r="B12" s="196"/>
      <c r="C12" s="8" t="s">
        <v>39</v>
      </c>
      <c r="D12" s="8" t="s">
        <v>11</v>
      </c>
      <c r="E12" s="8" t="s">
        <v>11</v>
      </c>
    </row>
    <row r="13" spans="1:5">
      <c r="A13" s="193"/>
      <c r="B13" s="196"/>
      <c r="C13" s="8" t="s">
        <v>40</v>
      </c>
      <c r="D13" s="8" t="s">
        <v>41</v>
      </c>
      <c r="E13" s="8" t="s">
        <v>42</v>
      </c>
    </row>
    <row r="14" spans="1:5">
      <c r="A14" s="193"/>
      <c r="B14" s="196"/>
      <c r="C14" s="8" t="s">
        <v>43</v>
      </c>
      <c r="D14" s="8" t="s">
        <v>11</v>
      </c>
      <c r="E14" s="8" t="s">
        <v>11</v>
      </c>
    </row>
    <row r="15" spans="1:5">
      <c r="A15" s="193"/>
      <c r="B15" s="196"/>
      <c r="C15" s="8" t="s">
        <v>44</v>
      </c>
      <c r="D15" s="8" t="s">
        <v>45</v>
      </c>
      <c r="E15" s="8" t="s">
        <v>46</v>
      </c>
    </row>
    <row r="16" spans="1:5">
      <c r="A16" s="193"/>
      <c r="B16" s="196"/>
      <c r="C16" s="8" t="s">
        <v>47</v>
      </c>
      <c r="D16" s="8" t="s">
        <v>48</v>
      </c>
      <c r="E16" s="8" t="s">
        <v>49</v>
      </c>
    </row>
    <row r="17" spans="1:5">
      <c r="A17" s="193"/>
      <c r="B17" s="196"/>
      <c r="C17" s="8" t="s">
        <v>50</v>
      </c>
      <c r="D17" s="8" t="s">
        <v>11</v>
      </c>
      <c r="E17" s="8" t="s">
        <v>11</v>
      </c>
    </row>
    <row r="18" spans="1:5">
      <c r="A18" s="193"/>
      <c r="B18" s="196"/>
      <c r="C18" s="8" t="s">
        <v>51</v>
      </c>
      <c r="D18" s="8" t="s">
        <v>11</v>
      </c>
      <c r="E18" s="8" t="s">
        <v>11</v>
      </c>
    </row>
    <row r="19" spans="1:5" ht="12.6" thickBot="1">
      <c r="A19" s="204"/>
      <c r="B19" s="205"/>
      <c r="C19" s="9" t="s">
        <v>52</v>
      </c>
      <c r="D19" s="9" t="s">
        <v>11</v>
      </c>
      <c r="E19" s="9" t="s">
        <v>11</v>
      </c>
    </row>
    <row r="21" spans="1:5" ht="15.6">
      <c r="A21" s="190" t="s">
        <v>53</v>
      </c>
      <c r="B21" s="190"/>
      <c r="C21" s="190"/>
      <c r="D21" s="190"/>
      <c r="E21" s="190"/>
    </row>
    <row r="22" spans="1:5" ht="14.4">
      <c r="A22" s="191" t="s">
        <v>54</v>
      </c>
      <c r="B22" s="191"/>
      <c r="C22" s="191"/>
      <c r="D22" s="191"/>
      <c r="E22" s="191"/>
    </row>
    <row r="23" spans="1:5" ht="14.4" thickBot="1">
      <c r="A23" s="4"/>
      <c r="B23" s="5"/>
      <c r="C23" s="6" t="s">
        <v>55</v>
      </c>
      <c r="D23" s="6"/>
      <c r="E23" s="4" t="s">
        <v>56</v>
      </c>
    </row>
    <row r="24" spans="1:5">
      <c r="A24" s="192" t="s">
        <v>57</v>
      </c>
      <c r="B24" s="195" t="s">
        <v>58</v>
      </c>
      <c r="C24" s="7" t="s">
        <v>59</v>
      </c>
      <c r="D24" s="10" t="s">
        <v>60</v>
      </c>
      <c r="E24" s="7" t="s">
        <v>61</v>
      </c>
    </row>
    <row r="25" spans="1:5">
      <c r="A25" s="193"/>
      <c r="B25" s="196"/>
      <c r="C25" s="8" t="s">
        <v>62</v>
      </c>
      <c r="D25" s="11" t="s">
        <v>63</v>
      </c>
      <c r="E25" s="8" t="s">
        <v>64</v>
      </c>
    </row>
    <row r="26" spans="1:5">
      <c r="A26" s="193"/>
      <c r="B26" s="196"/>
      <c r="C26" s="8" t="s">
        <v>65</v>
      </c>
      <c r="D26" s="8" t="s">
        <v>11</v>
      </c>
      <c r="E26" s="8" t="s">
        <v>11</v>
      </c>
    </row>
    <row r="27" spans="1:5">
      <c r="A27" s="193"/>
      <c r="B27" s="196"/>
      <c r="C27" s="8" t="s">
        <v>66</v>
      </c>
      <c r="D27" s="8" t="s">
        <v>67</v>
      </c>
      <c r="E27" s="8" t="s">
        <v>68</v>
      </c>
    </row>
    <row r="28" spans="1:5">
      <c r="A28" s="193"/>
      <c r="B28" s="196"/>
      <c r="C28" s="8" t="s">
        <v>69</v>
      </c>
      <c r="D28" s="8" t="s">
        <v>11</v>
      </c>
      <c r="E28" s="8" t="s">
        <v>11</v>
      </c>
    </row>
    <row r="29" spans="1:5">
      <c r="A29" s="193"/>
      <c r="B29" s="196"/>
      <c r="C29" s="8" t="s">
        <v>70</v>
      </c>
      <c r="D29" s="8" t="s">
        <v>11</v>
      </c>
      <c r="E29" s="8" t="s">
        <v>71</v>
      </c>
    </row>
    <row r="30" spans="1:5">
      <c r="A30" s="193"/>
      <c r="B30" s="196"/>
      <c r="C30" s="8" t="s">
        <v>72</v>
      </c>
      <c r="D30" s="8" t="s">
        <v>73</v>
      </c>
      <c r="E30" s="8" t="s">
        <v>74</v>
      </c>
    </row>
    <row r="31" spans="1:5">
      <c r="A31" s="193"/>
      <c r="B31" s="196"/>
      <c r="C31" s="8" t="s">
        <v>75</v>
      </c>
      <c r="D31" s="11" t="s">
        <v>76</v>
      </c>
      <c r="E31" s="8" t="s">
        <v>77</v>
      </c>
    </row>
    <row r="32" spans="1:5">
      <c r="A32" s="193"/>
      <c r="B32" s="196"/>
      <c r="C32" s="8" t="s">
        <v>78</v>
      </c>
      <c r="D32" s="8" t="s">
        <v>11</v>
      </c>
      <c r="E32" s="8" t="s">
        <v>11</v>
      </c>
    </row>
    <row r="33" spans="1:5">
      <c r="A33" s="193"/>
      <c r="B33" s="196"/>
      <c r="C33" s="8" t="s">
        <v>79</v>
      </c>
      <c r="D33" s="8" t="s">
        <v>11</v>
      </c>
      <c r="E33" s="8" t="s">
        <v>11</v>
      </c>
    </row>
    <row r="34" spans="1:5">
      <c r="A34" s="193"/>
      <c r="B34" s="196"/>
      <c r="C34" s="8" t="s">
        <v>80</v>
      </c>
      <c r="D34" s="11" t="s">
        <v>81</v>
      </c>
      <c r="E34" s="8" t="s">
        <v>82</v>
      </c>
    </row>
    <row r="35" spans="1:5">
      <c r="A35" s="193"/>
      <c r="B35" s="196"/>
      <c r="C35" s="8" t="s">
        <v>83</v>
      </c>
      <c r="D35" s="8" t="s">
        <v>11</v>
      </c>
      <c r="E35" s="8" t="s">
        <v>11</v>
      </c>
    </row>
    <row r="36" spans="1:5">
      <c r="A36" s="193"/>
      <c r="B36" s="196"/>
      <c r="C36" s="8" t="s">
        <v>84</v>
      </c>
      <c r="D36" s="8" t="s">
        <v>11</v>
      </c>
      <c r="E36" s="8" t="s">
        <v>11</v>
      </c>
    </row>
    <row r="37" spans="1:5">
      <c r="A37" s="193"/>
      <c r="B37" s="196"/>
      <c r="C37" s="8" t="s">
        <v>85</v>
      </c>
      <c r="D37" s="8" t="s">
        <v>11</v>
      </c>
      <c r="E37" s="8" t="s">
        <v>11</v>
      </c>
    </row>
    <row r="38" spans="1:5">
      <c r="A38" s="193"/>
      <c r="B38" s="196"/>
      <c r="C38" s="8" t="s">
        <v>86</v>
      </c>
      <c r="D38" s="8" t="s">
        <v>11</v>
      </c>
      <c r="E38" s="8" t="s">
        <v>11</v>
      </c>
    </row>
    <row r="39" spans="1:5" ht="12.6" thickBot="1">
      <c r="A39" s="204"/>
      <c r="B39" s="205"/>
      <c r="C39" s="9" t="s">
        <v>87</v>
      </c>
      <c r="D39" s="9" t="s">
        <v>11</v>
      </c>
      <c r="E39" s="9" t="s">
        <v>11</v>
      </c>
    </row>
  </sheetData>
  <mergeCells count="8">
    <mergeCell ref="A24:A39"/>
    <mergeCell ref="B24:B39"/>
    <mergeCell ref="A1:E1"/>
    <mergeCell ref="A2:E2"/>
    <mergeCell ref="A4:A19"/>
    <mergeCell ref="B4:B19"/>
    <mergeCell ref="A21:E21"/>
    <mergeCell ref="A22:E22"/>
  </mergeCells>
  <phoneticPr fontId="1" type="noConversion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AXIS_111</vt:lpstr>
      <vt:lpstr>CU_390</vt:lpstr>
      <vt:lpstr>SLM_370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hink</dc:creator>
  <cp:lastModifiedBy>mjy</cp:lastModifiedBy>
  <cp:lastPrinted>2015-07-28T03:07:46Z</cp:lastPrinted>
  <dcterms:created xsi:type="dcterms:W3CDTF">2006-09-13T11:21:51Z</dcterms:created>
  <dcterms:modified xsi:type="dcterms:W3CDTF">2022-06-24T07:59:38Z</dcterms:modified>
</cp:coreProperties>
</file>